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6º Bim 2018 RREO REPUBLICAÇÃO 18-02-2019\"/>
    </mc:Choice>
  </mc:AlternateContent>
  <bookViews>
    <workbookView xWindow="0" yWindow="0" windowWidth="20490" windowHeight="7350" firstSheet="9" activeTab="1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09 - Operações de Crédi" sheetId="8" r:id="rId8"/>
    <sheet name="Anexo - 10 - Projeção Atuarial " sheetId="9" r:id="rId9"/>
    <sheet name="Anexo - 11 - Receitas de Aliena" sheetId="10" r:id="rId10"/>
    <sheet name="Anexo - 12 - Receitas e Despesa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4607" uniqueCount="1699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Novembro até Dezembro - 6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5,47</t>
  </si>
  <si>
    <t>85,82</t>
  </si>
  <si>
    <t>2</t>
  </si>
  <si>
    <t xml:space="preserve">         RECEITAS CORRENTES</t>
  </si>
  <si>
    <t>16,17</t>
  </si>
  <si>
    <t>88,42</t>
  </si>
  <si>
    <t>3</t>
  </si>
  <si>
    <t xml:space="preserve">            IMPOSTOS, TAXAS E CONTRIBUIÇÕES DE MELHORIA</t>
  </si>
  <si>
    <t>18,23</t>
  </si>
  <si>
    <t>100,72</t>
  </si>
  <si>
    <t>4</t>
  </si>
  <si>
    <t xml:space="preserve">               Impostos</t>
  </si>
  <si>
    <t>18,45</t>
  </si>
  <si>
    <t>101,55</t>
  </si>
  <si>
    <t>5</t>
  </si>
  <si>
    <t xml:space="preserve">               Taxas</t>
  </si>
  <si>
    <t>13,66</t>
  </si>
  <si>
    <t>83,73</t>
  </si>
  <si>
    <t>6</t>
  </si>
  <si>
    <t xml:space="preserve">               Contribuição de Melhoria</t>
  </si>
  <si>
    <t>0,00</t>
  </si>
  <si>
    <t>7</t>
  </si>
  <si>
    <t xml:space="preserve">            CONTRIBUIÇÕES</t>
  </si>
  <si>
    <t>10,48</t>
  </si>
  <si>
    <t>52,13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24,66</t>
  </si>
  <si>
    <t>52,30</t>
  </si>
  <si>
    <t>13</t>
  </si>
  <si>
    <t xml:space="preserve">               Exploração do Patrimônio Imobiliário do Estado</t>
  </si>
  <si>
    <t>16,42</t>
  </si>
  <si>
    <t>81,37</t>
  </si>
  <si>
    <t>14</t>
  </si>
  <si>
    <t xml:space="preserve">               Valores Mobiliários</t>
  </si>
  <si>
    <t>3,11</t>
  </si>
  <si>
    <t>21,58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9,01</t>
  </si>
  <si>
    <t>93,71</t>
  </si>
  <si>
    <t>17</t>
  </si>
  <si>
    <t xml:space="preserve">               Exploração do Patrimônio Intangível</t>
  </si>
  <si>
    <t>18</t>
  </si>
  <si>
    <t xml:space="preserve">               Cessão de Direitos</t>
  </si>
  <si>
    <t>356,73</t>
  </si>
  <si>
    <t>436,18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10,99</t>
  </si>
  <si>
    <t>75,68</t>
  </si>
  <si>
    <t>23</t>
  </si>
  <si>
    <t xml:space="preserve">               Serviços Administrativos e Comerciais Gerais</t>
  </si>
  <si>
    <t>10,76</t>
  </si>
  <si>
    <t>75,16</t>
  </si>
  <si>
    <t>24</t>
  </si>
  <si>
    <t xml:space="preserve">               Serviços e Atividades Referentes à Navegação e ao Transporte</t>
  </si>
  <si>
    <t>22,98</t>
  </si>
  <si>
    <t>129,70</t>
  </si>
  <si>
    <t>25</t>
  </si>
  <si>
    <t xml:space="preserve">               Serviços e Atividades referentes à Saúde</t>
  </si>
  <si>
    <t>13,35</t>
  </si>
  <si>
    <t>80,07</t>
  </si>
  <si>
    <t>26</t>
  </si>
  <si>
    <t xml:space="preserve">               Serviços e Atividades Financeiras</t>
  </si>
  <si>
    <t>27</t>
  </si>
  <si>
    <t xml:space="preserve">               Outros Serviços</t>
  </si>
  <si>
    <t>15,92</t>
  </si>
  <si>
    <t>92,94</t>
  </si>
  <si>
    <t>28</t>
  </si>
  <si>
    <t xml:space="preserve">            TRANSFERÊNCIAS CORRENTES</t>
  </si>
  <si>
    <t>14,80</t>
  </si>
  <si>
    <t>86,10</t>
  </si>
  <si>
    <t>29</t>
  </si>
  <si>
    <t xml:space="preserve">               Transferências da União e de suas Entidades</t>
  </si>
  <si>
    <t>14,17</t>
  </si>
  <si>
    <t>77,21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52,48</t>
  </si>
  <si>
    <t>283,39</t>
  </si>
  <si>
    <t>32</t>
  </si>
  <si>
    <t xml:space="preserve">               Transferências de Instituições Privadas</t>
  </si>
  <si>
    <t>14,31</t>
  </si>
  <si>
    <t>90,19</t>
  </si>
  <si>
    <t>33</t>
  </si>
  <si>
    <t xml:space="preserve">               Transferências de Outras Instituições Públicas</t>
  </si>
  <si>
    <t>16,21</t>
  </si>
  <si>
    <t>97,67</t>
  </si>
  <si>
    <t>34</t>
  </si>
  <si>
    <t xml:space="preserve">               Transferências do Exterior</t>
  </si>
  <si>
    <t>79,50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20,19</t>
  </si>
  <si>
    <t>65,84</t>
  </si>
  <si>
    <t>38</t>
  </si>
  <si>
    <t xml:space="preserve">               Multas Administrativas, Contratuais e Judiciais</t>
  </si>
  <si>
    <t>12,25</t>
  </si>
  <si>
    <t>73,03</t>
  </si>
  <si>
    <t>39</t>
  </si>
  <si>
    <t xml:space="preserve">               Indenizações, Restituições e Ressarcimentos</t>
  </si>
  <si>
    <t>5,24</t>
  </si>
  <si>
    <t>32,44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103,43</t>
  </si>
  <si>
    <t>183,36</t>
  </si>
  <si>
    <t>42</t>
  </si>
  <si>
    <t xml:space="preserve">         RECEITAS DE CAPITAL</t>
  </si>
  <si>
    <t>10,02</t>
  </si>
  <si>
    <t>65,47</t>
  </si>
  <si>
    <t>43</t>
  </si>
  <si>
    <t xml:space="preserve">            OPERAÇÕES DE CRÉDITO</t>
  </si>
  <si>
    <t>77,71</t>
  </si>
  <si>
    <t>44</t>
  </si>
  <si>
    <t xml:space="preserve">               Operações de Crédito - Mercado Interno</t>
  </si>
  <si>
    <t>176,13</t>
  </si>
  <si>
    <t>45</t>
  </si>
  <si>
    <t xml:space="preserve">               Operações de Crédito - Mercado Externo</t>
  </si>
  <si>
    <t>46</t>
  </si>
  <si>
    <t xml:space="preserve">            ALIENAÇÃO DE BENS</t>
  </si>
  <si>
    <t>4,12</t>
  </si>
  <si>
    <t>122,31</t>
  </si>
  <si>
    <t>47</t>
  </si>
  <si>
    <t xml:space="preserve">               Alienação de Bens Móveis</t>
  </si>
  <si>
    <t>1,67</t>
  </si>
  <si>
    <t>123,33</t>
  </si>
  <si>
    <t>48</t>
  </si>
  <si>
    <t xml:space="preserve">               Alienação de Bens Imóveis</t>
  </si>
  <si>
    <t>7,28</t>
  </si>
  <si>
    <t>120,99</t>
  </si>
  <si>
    <t>49</t>
  </si>
  <si>
    <t xml:space="preserve">               Alienação de Bens Intangíveis</t>
  </si>
  <si>
    <t>50</t>
  </si>
  <si>
    <t xml:space="preserve">            AMORTIZAÇÕES DE EMPRÉSTIMOS</t>
  </si>
  <si>
    <t>20,70</t>
  </si>
  <si>
    <t>96,08</t>
  </si>
  <si>
    <t>51</t>
  </si>
  <si>
    <t xml:space="preserve">            TRANSFERÊNCIAS DE CAPITAL</t>
  </si>
  <si>
    <t>16,02</t>
  </si>
  <si>
    <t>75,76</t>
  </si>
  <si>
    <t>52</t>
  </si>
  <si>
    <t>12,93</t>
  </si>
  <si>
    <t>36,51</t>
  </si>
  <si>
    <t>53</t>
  </si>
  <si>
    <t>150,71</t>
  </si>
  <si>
    <t>557,09</t>
  </si>
  <si>
    <t>54</t>
  </si>
  <si>
    <t>48,58</t>
  </si>
  <si>
    <t>190,92</t>
  </si>
  <si>
    <t>55</t>
  </si>
  <si>
    <t>17,48</t>
  </si>
  <si>
    <t>101,90</t>
  </si>
  <si>
    <t>56</t>
  </si>
  <si>
    <t>57</t>
  </si>
  <si>
    <t>58</t>
  </si>
  <si>
    <t>59</t>
  </si>
  <si>
    <t>60</t>
  </si>
  <si>
    <t xml:space="preserve">            OUTRAS RECEITAS DE CAPITAL</t>
  </si>
  <si>
    <t>46,62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3,06</t>
  </si>
  <si>
    <t>67,30</t>
  </si>
  <si>
    <t>66</t>
  </si>
  <si>
    <t xml:space="preserve">   SUBTOTAL DAS RECEITAS (III) = (I + II)</t>
  </si>
  <si>
    <t>15,02</t>
  </si>
  <si>
    <t>82,33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100,00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1</t>
  </si>
  <si>
    <t xml:space="preserve">      DESPESAS (EXCETO INTRA-ORÇAMENTÁRIAS) (VIII)</t>
  </si>
  <si>
    <t>11982211348,12</t>
  </si>
  <si>
    <t>82</t>
  </si>
  <si>
    <t xml:space="preserve">         DESPESAS CORRENTES</t>
  </si>
  <si>
    <t>83</t>
  </si>
  <si>
    <t xml:space="preserve">            PESSOAL E ENCARGOS SOCIAIS</t>
  </si>
  <si>
    <t>84</t>
  </si>
  <si>
    <t xml:space="preserve">            JUROS E ENCARGOS DA DÍVIDA</t>
  </si>
  <si>
    <t>85</t>
  </si>
  <si>
    <t xml:space="preserve">            OUTRAS DESPESAS CORRENTES</t>
  </si>
  <si>
    <t>86</t>
  </si>
  <si>
    <t xml:space="preserve">               Transferências a Municípios²</t>
  </si>
  <si>
    <t>87</t>
  </si>
  <si>
    <t xml:space="preserve">               Demais Despesas Correntes²</t>
  </si>
  <si>
    <t>88</t>
  </si>
  <si>
    <t xml:space="preserve">         DESPESAS DE CAPITAL</t>
  </si>
  <si>
    <t>89</t>
  </si>
  <si>
    <t xml:space="preserve">            INVESTIMENTOS</t>
  </si>
  <si>
    <t>90</t>
  </si>
  <si>
    <t xml:space="preserve">            INVERSÕES FINANCEIRAS</t>
  </si>
  <si>
    <t>91</t>
  </si>
  <si>
    <t xml:space="preserve">            AMORTIZAÇÃO DA DÍVIDA</t>
  </si>
  <si>
    <t>92</t>
  </si>
  <si>
    <t xml:space="preserve">         RESERVA DE CONTINGÊNCIA</t>
  </si>
  <si>
    <t>93</t>
  </si>
  <si>
    <t xml:space="preserve">      DESPESAS (INTRA-ORÇAMENTÁRIAS) (IX)</t>
  </si>
  <si>
    <t>2016233255,02</t>
  </si>
  <si>
    <t>94</t>
  </si>
  <si>
    <t xml:space="preserve">   SUBTOTAL DAS DESPESAS (X) = (VIII + IX)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104</t>
  </si>
  <si>
    <t>TOTAL (XIV) = (XII + XIII)</t>
  </si>
  <si>
    <t>105</t>
  </si>
  <si>
    <t>RESERVA DO RPPS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14,84</t>
  </si>
  <si>
    <t>67,56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16,63</t>
  </si>
  <si>
    <t>108,59</t>
  </si>
  <si>
    <t>118</t>
  </si>
  <si>
    <t xml:space="preserve">      Exploração do Patrimônio Imobiliário do Estado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16,62</t>
  </si>
  <si>
    <t>108,46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9,27</t>
  </si>
  <si>
    <t>65,75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173</t>
  </si>
  <si>
    <t xml:space="preserve">   JUROS E ENCARGOS DA DÍVIDA</t>
  </si>
  <si>
    <t>174</t>
  </si>
  <si>
    <t xml:space="preserve">   OUTRAS DESPESAS CORRENTES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1)</t>
  </si>
  <si>
    <t>DESPESAS EXCETO INTRA-ORÇAMENTÁRIA</t>
  </si>
  <si>
    <t>86,32</t>
  </si>
  <si>
    <t>85,57</t>
  </si>
  <si>
    <t xml:space="preserve">   01 - Legislativa</t>
  </si>
  <si>
    <t>2,57</t>
  </si>
  <si>
    <t>377709610,61</t>
  </si>
  <si>
    <t>2,69</t>
  </si>
  <si>
    <t xml:space="preserve">      031 - Ação Legislativa</t>
  </si>
  <si>
    <t>1,29</t>
  </si>
  <si>
    <t>189465560,13</t>
  </si>
  <si>
    <t>1,35</t>
  </si>
  <si>
    <t xml:space="preserve">      032 - Controle Externo</t>
  </si>
  <si>
    <t>1,28</t>
  </si>
  <si>
    <t>188244050,48</t>
  </si>
  <si>
    <t>1,34</t>
  </si>
  <si>
    <t xml:space="preserve">   02 - Judiciária</t>
  </si>
  <si>
    <t>5,82</t>
  </si>
  <si>
    <t>840914009,87</t>
  </si>
  <si>
    <t>6,01</t>
  </si>
  <si>
    <t xml:space="preserve">      061 - Ação Judiciária</t>
  </si>
  <si>
    <t>0,94</t>
  </si>
  <si>
    <t>126828606,75</t>
  </si>
  <si>
    <t>0,91</t>
  </si>
  <si>
    <t xml:space="preserve">      122 - Administração Geral</t>
  </si>
  <si>
    <t>683949600,22</t>
  </si>
  <si>
    <t>4,65</t>
  </si>
  <si>
    <t>4,89</t>
  </si>
  <si>
    <t xml:space="preserve">      126 - Tecnologia da Informação</t>
  </si>
  <si>
    <t>0,20</t>
  </si>
  <si>
    <t>25306681,82</t>
  </si>
  <si>
    <t>0,18</t>
  </si>
  <si>
    <t xml:space="preserve">      128 - Formação de Recursos Humanos</t>
  </si>
  <si>
    <t>0,01</t>
  </si>
  <si>
    <t>2012245,08</t>
  </si>
  <si>
    <t xml:space="preserve">      131 - Comunicação Social</t>
  </si>
  <si>
    <t>0,02</t>
  </si>
  <si>
    <t>2197528,02</t>
  </si>
  <si>
    <t xml:space="preserve">      846 - Outros Encargos Especiais</t>
  </si>
  <si>
    <t>619347,98</t>
  </si>
  <si>
    <t xml:space="preserve">   03 - Essencial à Justiça</t>
  </si>
  <si>
    <t>5,01</t>
  </si>
  <si>
    <t>716987523,35</t>
  </si>
  <si>
    <t>5,12</t>
  </si>
  <si>
    <t xml:space="preserve">      091 - Defesa da Ordem Jurídica</t>
  </si>
  <si>
    <t>2,45</t>
  </si>
  <si>
    <t>344520072,17</t>
  </si>
  <si>
    <t>2,46</t>
  </si>
  <si>
    <t xml:space="preserve">      092 - Representação Judicial e Extrajudicial</t>
  </si>
  <si>
    <t>0,37</t>
  </si>
  <si>
    <t>51542461,27</t>
  </si>
  <si>
    <t>0,09</t>
  </si>
  <si>
    <t>12411316,58</t>
  </si>
  <si>
    <t>0,06</t>
  </si>
  <si>
    <t>8657623,71</t>
  </si>
  <si>
    <t xml:space="preserve">      422 - Direitos Individuais, Coletivos e Difusos</t>
  </si>
  <si>
    <t>1,08</t>
  </si>
  <si>
    <t>158280060,03</t>
  </si>
  <si>
    <t>1,13</t>
  </si>
  <si>
    <t>141575989,59</t>
  </si>
  <si>
    <t>0,96</t>
  </si>
  <si>
    <t>1,01</t>
  </si>
  <si>
    <t xml:space="preserve">   04 - Administração</t>
  </si>
  <si>
    <t>5,54</t>
  </si>
  <si>
    <t>769466049,28</t>
  </si>
  <si>
    <t>5,49</t>
  </si>
  <si>
    <t>1,86</t>
  </si>
  <si>
    <t>258050911,41</t>
  </si>
  <si>
    <t>1,84</t>
  </si>
  <si>
    <t xml:space="preserve">      123 - Administração Financeira</t>
  </si>
  <si>
    <t>3,60</t>
  </si>
  <si>
    <t>499579980,23</t>
  </si>
  <si>
    <t>3,57</t>
  </si>
  <si>
    <t xml:space="preserve">      124 - Controle Interno</t>
  </si>
  <si>
    <t>0,08</t>
  </si>
  <si>
    <t>11816967,64</t>
  </si>
  <si>
    <t xml:space="preserve">      663 - Mineração</t>
  </si>
  <si>
    <t>18190,00</t>
  </si>
  <si>
    <t xml:space="preserve">   06 - Segurança Pública</t>
  </si>
  <si>
    <t>7,83</t>
  </si>
  <si>
    <t>1116194010,79</t>
  </si>
  <si>
    <t>7,98</t>
  </si>
  <si>
    <t xml:space="preserve">      181 - Policiamento</t>
  </si>
  <si>
    <t>7,82</t>
  </si>
  <si>
    <t>1115414577,04</t>
  </si>
  <si>
    <t>7,97</t>
  </si>
  <si>
    <t xml:space="preserve">      182 - Defesa Civil</t>
  </si>
  <si>
    <t>779433,75</t>
  </si>
  <si>
    <t xml:space="preserve">      183 - Informação e Inteligência</t>
  </si>
  <si>
    <t xml:space="preserve">   08 - Assistência Social</t>
  </si>
  <si>
    <t>1,25</t>
  </si>
  <si>
    <t>179319713,82</t>
  </si>
  <si>
    <t xml:space="preserve">      243 - Assistência à Criança e ao Adolescente</t>
  </si>
  <si>
    <t>94851,00</t>
  </si>
  <si>
    <t xml:space="preserve">      244 - Assistência Comunitária</t>
  </si>
  <si>
    <t>1,16</t>
  </si>
  <si>
    <t>166922705,53</t>
  </si>
  <si>
    <t>1,19</t>
  </si>
  <si>
    <t xml:space="preserve">      364 - Ensino Superior</t>
  </si>
  <si>
    <t>12090159,92</t>
  </si>
  <si>
    <t>201602,07</t>
  </si>
  <si>
    <t xml:space="preserve">      843 - Serviço da Dívida Interna</t>
  </si>
  <si>
    <t>10395,30</t>
  </si>
  <si>
    <t xml:space="preserve">   09 - Previdência Social</t>
  </si>
  <si>
    <t>20,97</t>
  </si>
  <si>
    <t>2828049571,26</t>
  </si>
  <si>
    <t>20,20</t>
  </si>
  <si>
    <t xml:space="preserve">      272 - Previdência do Regime Estatutário</t>
  </si>
  <si>
    <t xml:space="preserve">   10 - Saúde</t>
  </si>
  <si>
    <t>8,60</t>
  </si>
  <si>
    <t>1123040912,06</t>
  </si>
  <si>
    <t>8,02</t>
  </si>
  <si>
    <t xml:space="preserve">      121 - Planejamento e Orçamento</t>
  </si>
  <si>
    <t>4,15</t>
  </si>
  <si>
    <t>581674362,14</t>
  </si>
  <si>
    <t>4,16</t>
  </si>
  <si>
    <t>1252937,57</t>
  </si>
  <si>
    <t xml:space="preserve">      301 - Atenção Básica</t>
  </si>
  <si>
    <t>0,61</t>
  </si>
  <si>
    <t>76083765,81</t>
  </si>
  <si>
    <t>0,54</t>
  </si>
  <si>
    <t xml:space="preserve">      302 - Assistência Hospitalar e Ambulatorial</t>
  </si>
  <si>
    <t>3,17</t>
  </si>
  <si>
    <t>390883973,54</t>
  </si>
  <si>
    <t>2,79</t>
  </si>
  <si>
    <t xml:space="preserve">      303 - Suporte Profilático e Terapêutico</t>
  </si>
  <si>
    <t>0,51</t>
  </si>
  <si>
    <t>56640861,96</t>
  </si>
  <si>
    <t>0,40</t>
  </si>
  <si>
    <t xml:space="preserve">      304 - Vigilância Sanitária</t>
  </si>
  <si>
    <t xml:space="preserve">      305 - Vigilância Epidemiológica</t>
  </si>
  <si>
    <t>0,11</t>
  </si>
  <si>
    <t>11715732,76</t>
  </si>
  <si>
    <t xml:space="preserve">      306 - Alimentação e Nutrição</t>
  </si>
  <si>
    <t xml:space="preserve">      331 - Proteção e Benefícios ao Trabalhador</t>
  </si>
  <si>
    <t>743050,33</t>
  </si>
  <si>
    <t xml:space="preserve">      363 - Ensino Profissional</t>
  </si>
  <si>
    <t>173950,88</t>
  </si>
  <si>
    <t xml:space="preserve">      511 - Saneamento Básico Rural</t>
  </si>
  <si>
    <t>3124592,02</t>
  </si>
  <si>
    <t xml:space="preserve">      572 - Desenvolvimento Tecnológico e Engenharia</t>
  </si>
  <si>
    <t>747685,05</t>
  </si>
  <si>
    <t xml:space="preserve">   11 - Trabalho</t>
  </si>
  <si>
    <t>0,04</t>
  </si>
  <si>
    <t>6284439,72</t>
  </si>
  <si>
    <t>6086645,21</t>
  </si>
  <si>
    <t xml:space="preserve">      334 - Fomento ao Trabalho</t>
  </si>
  <si>
    <t>140596,27</t>
  </si>
  <si>
    <t>57198,24</t>
  </si>
  <si>
    <t xml:space="preserve">   12 - Educação</t>
  </si>
  <si>
    <t>1748309148,48</t>
  </si>
  <si>
    <t>12,47</t>
  </si>
  <si>
    <t>10,78</t>
  </si>
  <si>
    <t>1551581956,21</t>
  </si>
  <si>
    <t>11,08</t>
  </si>
  <si>
    <t xml:space="preserve">      361 - Ensino Fundamental</t>
  </si>
  <si>
    <t>6184844,38</t>
  </si>
  <si>
    <t xml:space="preserve">      362 - Ensino Médio</t>
  </si>
  <si>
    <t>14971607,78</t>
  </si>
  <si>
    <t>0,10</t>
  </si>
  <si>
    <t>0,15</t>
  </si>
  <si>
    <t>21393410,05</t>
  </si>
  <si>
    <t>5923419,00</t>
  </si>
  <si>
    <t xml:space="preserve">      365 - Educação Infantil</t>
  </si>
  <si>
    <t xml:space="preserve">      366 - Educação de Jovens e Adultos</t>
  </si>
  <si>
    <t>552518,60</t>
  </si>
  <si>
    <t xml:space="preserve">      367 - Educação Especial</t>
  </si>
  <si>
    <t>9001951,60</t>
  </si>
  <si>
    <t xml:space="preserve">      368 - Educação Básica</t>
  </si>
  <si>
    <t>1,02</t>
  </si>
  <si>
    <t>130082752,44</t>
  </si>
  <si>
    <t>0,93</t>
  </si>
  <si>
    <t xml:space="preserve">      571 - Desenvolvimento Científico</t>
  </si>
  <si>
    <t>3121881,29</t>
  </si>
  <si>
    <t xml:space="preserve">      573 - Difusão do Conhecimento Científico e Tecnológico</t>
  </si>
  <si>
    <t>5494807,13</t>
  </si>
  <si>
    <t xml:space="preserve">   13 - Cultura</t>
  </si>
  <si>
    <t>0,29</t>
  </si>
  <si>
    <t>39966547,61</t>
  </si>
  <si>
    <t xml:space="preserve">      392 - Difusão Cultural</t>
  </si>
  <si>
    <t>39955793,09</t>
  </si>
  <si>
    <t>10754,52</t>
  </si>
  <si>
    <t xml:space="preserve">   14 - Direitos da Cidadania</t>
  </si>
  <si>
    <t>1,69</t>
  </si>
  <si>
    <t>229052444,06</t>
  </si>
  <si>
    <t>1,64</t>
  </si>
  <si>
    <t xml:space="preserve">      130 - Administração de Concessões</t>
  </si>
  <si>
    <t>8295381,98</t>
  </si>
  <si>
    <t xml:space="preserve">      421 - Custódia e Reintegração Social</t>
  </si>
  <si>
    <t>1,61</t>
  </si>
  <si>
    <t>217760652,80</t>
  </si>
  <si>
    <t>1,56</t>
  </si>
  <si>
    <t>2996409,28</t>
  </si>
  <si>
    <t xml:space="preserve">      423 - Assistência aos Povos Indígenas</t>
  </si>
  <si>
    <t xml:space="preserve">   15 - Urbanismo</t>
  </si>
  <si>
    <t>0,31</t>
  </si>
  <si>
    <t>11103281,90</t>
  </si>
  <si>
    <t xml:space="preserve">      451 - Infra-estrutura Urbana</t>
  </si>
  <si>
    <t xml:space="preserve">   16 - Habitação </t>
  </si>
  <si>
    <t>0,28</t>
  </si>
  <si>
    <t>40580405,87</t>
  </si>
  <si>
    <t>0,07</t>
  </si>
  <si>
    <t>9542491,82</t>
  </si>
  <si>
    <t xml:space="preserve">      482 - Habitação Urbana</t>
  </si>
  <si>
    <t>0,21</t>
  </si>
  <si>
    <t>31037914,05</t>
  </si>
  <si>
    <t>0,22</t>
  </si>
  <si>
    <t xml:space="preserve">   17 - Saneamento</t>
  </si>
  <si>
    <t>0,56</t>
  </si>
  <si>
    <t>38354332,08</t>
  </si>
  <si>
    <t>0,27</t>
  </si>
  <si>
    <t xml:space="preserve">      512 - Saneamento Básico Urbano</t>
  </si>
  <si>
    <t xml:space="preserve">   18 - Gestão Ambiental</t>
  </si>
  <si>
    <t>0,32</t>
  </si>
  <si>
    <t>35741895,39</t>
  </si>
  <si>
    <t>0,25</t>
  </si>
  <si>
    <t>27566194,17</t>
  </si>
  <si>
    <t xml:space="preserve">      541 - Preservação e Conservação Ambiental</t>
  </si>
  <si>
    <t>4276441,19</t>
  </si>
  <si>
    <t>0,03</t>
  </si>
  <si>
    <t xml:space="preserve">      542 - Controle Ambiental</t>
  </si>
  <si>
    <t>3362090,03</t>
  </si>
  <si>
    <t xml:space="preserve">      544 - Recursos Hídricos</t>
  </si>
  <si>
    <t>537170,00</t>
  </si>
  <si>
    <t xml:space="preserve">      545 - Meteorologia</t>
  </si>
  <si>
    <t xml:space="preserve">   19 - Ciência e Tecnologia</t>
  </si>
  <si>
    <t>8075998,76</t>
  </si>
  <si>
    <t>0,05</t>
  </si>
  <si>
    <t>7728514,38</t>
  </si>
  <si>
    <t>347484,38</t>
  </si>
  <si>
    <t xml:space="preserve">   20 - Agricultura</t>
  </si>
  <si>
    <t>0,95</t>
  </si>
  <si>
    <t>132999839,06</t>
  </si>
  <si>
    <t>0,68</t>
  </si>
  <si>
    <t>95669158,87</t>
  </si>
  <si>
    <t>153661,45</t>
  </si>
  <si>
    <t>17805,89</t>
  </si>
  <si>
    <t xml:space="preserve">      606 - Extensão Rural</t>
  </si>
  <si>
    <t>0,16</t>
  </si>
  <si>
    <t>22378427,60</t>
  </si>
  <si>
    <t xml:space="preserve">      607 - Irrigação</t>
  </si>
  <si>
    <t xml:space="preserve">      608 - Promoção da Produção Agropecuária</t>
  </si>
  <si>
    <t>4254200,61</t>
  </si>
  <si>
    <t xml:space="preserve">      609 - Defesa Agropecuária</t>
  </si>
  <si>
    <t>10526584,64</t>
  </si>
  <si>
    <t xml:space="preserve">      691 - Promoção Comercial</t>
  </si>
  <si>
    <t xml:space="preserve">   21 - Organização Agrária</t>
  </si>
  <si>
    <t>723754,10</t>
  </si>
  <si>
    <t xml:space="preserve">      631 - Reforma Agrária</t>
  </si>
  <si>
    <t xml:space="preserve">   22 - Indústria</t>
  </si>
  <si>
    <t>1,09</t>
  </si>
  <si>
    <t>159053043,14</t>
  </si>
  <si>
    <t>1,14</t>
  </si>
  <si>
    <t xml:space="preserve">      661 - Promoção Industrial</t>
  </si>
  <si>
    <t xml:space="preserve">   23 - Comércio e Serviços</t>
  </si>
  <si>
    <t>23595614,96</t>
  </si>
  <si>
    <t>0,17</t>
  </si>
  <si>
    <t xml:space="preserve">      665 - Normalização e Qualidade</t>
  </si>
  <si>
    <t>11087437,78</t>
  </si>
  <si>
    <t xml:space="preserve">      692 - Comercialização</t>
  </si>
  <si>
    <t>8033149,19</t>
  </si>
  <si>
    <t xml:space="preserve">      695 - Turismo</t>
  </si>
  <si>
    <t>4475027,99</t>
  </si>
  <si>
    <t xml:space="preserve">   24 - Comunicações</t>
  </si>
  <si>
    <t xml:space="preserve">   25 - Energia </t>
  </si>
  <si>
    <t>251525,97</t>
  </si>
  <si>
    <t xml:space="preserve">      751 - Conservação de Energia</t>
  </si>
  <si>
    <t xml:space="preserve">      752 - Energia Elétrica</t>
  </si>
  <si>
    <t xml:space="preserve">   26 - Transporte</t>
  </si>
  <si>
    <t>5,56</t>
  </si>
  <si>
    <t>806396680,74</t>
  </si>
  <si>
    <t>5,76</t>
  </si>
  <si>
    <t>0,44</t>
  </si>
  <si>
    <t>61691590,55</t>
  </si>
  <si>
    <t xml:space="preserve">      781 - Transporte Aéreo</t>
  </si>
  <si>
    <t>373969,21</t>
  </si>
  <si>
    <t xml:space="preserve">      782 - Transporte Rodoviário</t>
  </si>
  <si>
    <t>744331120,98</t>
  </si>
  <si>
    <t>5,32</t>
  </si>
  <si>
    <t xml:space="preserve">      783 - Transporte Ferroviário</t>
  </si>
  <si>
    <t xml:space="preserve">      784 - Transporte Hidroviário</t>
  </si>
  <si>
    <t xml:space="preserve">   27 - Desporto e Lazer</t>
  </si>
  <si>
    <t>0,12</t>
  </si>
  <si>
    <t>11437772,85</t>
  </si>
  <si>
    <t xml:space="preserve">      811 - Desporto de Rendimento</t>
  </si>
  <si>
    <t>4053739,02</t>
  </si>
  <si>
    <t xml:space="preserve">      812 - Desporto Comunitário</t>
  </si>
  <si>
    <t>7384033,83</t>
  </si>
  <si>
    <t xml:space="preserve">   28 - Encargos Especiais</t>
  </si>
  <si>
    <t>738603222,39</t>
  </si>
  <si>
    <t>5,02</t>
  </si>
  <si>
    <t>5,28</t>
  </si>
  <si>
    <t xml:space="preserve">      841 - Refinanciamento da Dívida Interna</t>
  </si>
  <si>
    <t>225193842,89</t>
  </si>
  <si>
    <t>1,53</t>
  </si>
  <si>
    <t>156048308,54</t>
  </si>
  <si>
    <t>1,06</t>
  </si>
  <si>
    <t>1,11</t>
  </si>
  <si>
    <t xml:space="preserve">      844 - Serviço da Dívida Externa</t>
  </si>
  <si>
    <t>41299824,52</t>
  </si>
  <si>
    <t>0,30</t>
  </si>
  <si>
    <t xml:space="preserve">      845 - Outras Transferências</t>
  </si>
  <si>
    <t>30250000,00</t>
  </si>
  <si>
    <t>285811246,44</t>
  </si>
  <si>
    <t>1,94</t>
  </si>
  <si>
    <t>2,04</t>
  </si>
  <si>
    <t xml:space="preserve">   99 - Reservas</t>
  </si>
  <si>
    <t xml:space="preserve">      999 - Reserva de Contingência</t>
  </si>
  <si>
    <t>DESPESAS INTRA-ORÇAMENTÁRIA</t>
  </si>
  <si>
    <t>13,70</t>
  </si>
  <si>
    <t>14,40</t>
  </si>
  <si>
    <t>96349798,72</t>
  </si>
  <si>
    <t>0,66</t>
  </si>
  <si>
    <t>0,69</t>
  </si>
  <si>
    <t>43742653,47</t>
  </si>
  <si>
    <t>52607145,25</t>
  </si>
  <si>
    <t>0,36</t>
  </si>
  <si>
    <t>0,38</t>
  </si>
  <si>
    <t>131708864,59</t>
  </si>
  <si>
    <t>0,89</t>
  </si>
  <si>
    <t>79134421,59</t>
  </si>
  <si>
    <t>0,57</t>
  </si>
  <si>
    <t>39939817,44</t>
  </si>
  <si>
    <t>12851598,66</t>
  </si>
  <si>
    <t>26343005,49</t>
  </si>
  <si>
    <t>0,19</t>
  </si>
  <si>
    <t>334747146,26</t>
  </si>
  <si>
    <t>2,28</t>
  </si>
  <si>
    <t>2,40</t>
  </si>
  <si>
    <t>20575716,65</t>
  </si>
  <si>
    <t>0,14</t>
  </si>
  <si>
    <t>311630770,16</t>
  </si>
  <si>
    <t>2,12</t>
  </si>
  <si>
    <t>2,23</t>
  </si>
  <si>
    <t>2540659,45</t>
  </si>
  <si>
    <t>516170032,33</t>
  </si>
  <si>
    <t>3,51</t>
  </si>
  <si>
    <t>3,69</t>
  </si>
  <si>
    <t>8253317,07</t>
  </si>
  <si>
    <t>164458,38</t>
  </si>
  <si>
    <t>88711845,18</t>
  </si>
  <si>
    <t>0,60</t>
  </si>
  <si>
    <t>0,63</t>
  </si>
  <si>
    <t>2067696,69</t>
  </si>
  <si>
    <t>600637364,59</t>
  </si>
  <si>
    <t>4,08</t>
  </si>
  <si>
    <t>4,29</t>
  </si>
  <si>
    <t>1574581,20</t>
  </si>
  <si>
    <t>41553269,20</t>
  </si>
  <si>
    <t>684925,30</t>
  </si>
  <si>
    <t>40868343,90</t>
  </si>
  <si>
    <t>1207338,42</t>
  </si>
  <si>
    <t>180</t>
  </si>
  <si>
    <t>181</t>
  </si>
  <si>
    <t>182</t>
  </si>
  <si>
    <t>5819550,90</t>
  </si>
  <si>
    <t>183</t>
  </si>
  <si>
    <t>184</t>
  </si>
  <si>
    <t>36710164,59</t>
  </si>
  <si>
    <t>0,26</t>
  </si>
  <si>
    <t>185</t>
  </si>
  <si>
    <t>186</t>
  </si>
  <si>
    <t>3098226,32</t>
  </si>
  <si>
    <t>187</t>
  </si>
  <si>
    <t>1607002,04</t>
  </si>
  <si>
    <t>188</t>
  </si>
  <si>
    <t>1491224,28</t>
  </si>
  <si>
    <t>189</t>
  </si>
  <si>
    <t>30762264,04</t>
  </si>
  <si>
    <t>190</t>
  </si>
  <si>
    <t>191</t>
  </si>
  <si>
    <t>336635,44</t>
  </si>
  <si>
    <t>192</t>
  </si>
  <si>
    <t>193</t>
  </si>
  <si>
    <t>194</t>
  </si>
  <si>
    <t>37226279,51</t>
  </si>
  <si>
    <t>195</t>
  </si>
  <si>
    <t>1472601,93</t>
  </si>
  <si>
    <t>196</t>
  </si>
  <si>
    <t>35753677,58</t>
  </si>
  <si>
    <t>0,24</t>
  </si>
  <si>
    <t>100001</t>
  </si>
  <si>
    <t>Total</t>
  </si>
  <si>
    <t>100,02</t>
  </si>
  <si>
    <t>99,97</t>
  </si>
  <si>
    <t>Anexo 3 - Demonstrativo da Receita Corrente Líquida</t>
  </si>
  <si>
    <t>LRF, Art. 53, inciso I</t>
  </si>
  <si>
    <t>ESPECIFICAÇÃO</t>
  </si>
  <si>
    <t>Evolução da Receita Realizada nos últimos 12 meses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Total (ùltimos 12 Meses)</t>
  </si>
  <si>
    <t>Previsão Atualizada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 xml:space="preserve">   Em Regime de Parcelamento de Débito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8</t>
  </si>
  <si>
    <t>2017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   Em Regime de Parcelamento de Débito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 E ENCARGOS ATIVOS (XXV)</t>
  </si>
  <si>
    <t>JUROS E ENCARGO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7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8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OUTROS AJUSTES (XXXV)</t>
  </si>
  <si>
    <t>RESULTADO NOMINAL AJUSTADO - Abaixo da Linha (XXXVI) = (XXXII - XXXIII - IX + XXXIV + XXXV)</t>
  </si>
  <si>
    <t>RESULTADO PRIMÁRIO - ABAIXO DA LINHA (XXXVII) =  XXXVI - (XXV - XXVI)</t>
  </si>
  <si>
    <t>RESULTADO PRIMÁRIO - Abaixo da Linha (XXXVII) =  XXXV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Juros e Encargos da Dívida (XXXIX)</t>
  </si>
  <si>
    <t>DESPESAS PRIMÁRIAS CORRENTES (XL) = (XXXVIII - XXXIX)</t>
  </si>
  <si>
    <t>Transferências Constitucionais (XLI)</t>
  </si>
  <si>
    <t>Contribuições para o PIS/PASEP (XLII)</t>
  </si>
  <si>
    <t>DESPESAS PRIMÁRIAS CORRENTES APURADAS CONFORME O ART. 4º DA LC 156/16 (XLIII) = (XL - XLI - XLII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102,78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>102,04</t>
  </si>
  <si>
    <t xml:space="preserve">      1.1.2- Multas, Juros de Mora, Divida Ativa e Outros Encargos do ICMS</t>
  </si>
  <si>
    <t>93,27</t>
  </si>
  <si>
    <t xml:space="preserve">      1.1.3- Adicional de até 2% do ICMS destinado ao Fundo de Combate à Pobreza (ADCT, art. 82, §1º)</t>
  </si>
  <si>
    <t>93,53</t>
  </si>
  <si>
    <t xml:space="preserve">   1.2- Receita Resultante do Imposto de Transmissão Causa Mortis e Doação de Bens e Direitos – ITCD</t>
  </si>
  <si>
    <t>135,62</t>
  </si>
  <si>
    <t xml:space="preserve">      1.2.1- ITCD</t>
  </si>
  <si>
    <t>136,85</t>
  </si>
  <si>
    <t xml:space="preserve">      1.2.2- Multas, Juros de Mora, Dívida Ativa e Outros Encargos do ITCD</t>
  </si>
  <si>
    <t>38,97</t>
  </si>
  <si>
    <t xml:space="preserve">   1.3- Receita Resultante do Imposto sobre a Propriedade de Veículos Automotores – IPVA</t>
  </si>
  <si>
    <t>103,06</t>
  </si>
  <si>
    <t xml:space="preserve">      1.3.1- IPVA</t>
  </si>
  <si>
    <t>101,56</t>
  </si>
  <si>
    <t xml:space="preserve">      1.3.2- Multas, Juros de Mora, Dívida Ativa e Outros Encargos do IPVA</t>
  </si>
  <si>
    <t>130,88</t>
  </si>
  <si>
    <t xml:space="preserve">   1.4- Receita Resultante do Imposto sobre a Renda e Proventos de Qualquer Natureza Retido na Fonte – IRRF</t>
  </si>
  <si>
    <t>106,65</t>
  </si>
  <si>
    <t>2- RECEITA DE TRANSFERÊNCIAS CONSTITUCIONAIS E LEGAIS</t>
  </si>
  <si>
    <t>283,97</t>
  </si>
  <si>
    <t xml:space="preserve">   2.1- Cota-Parte FPE</t>
  </si>
  <si>
    <t>88,63</t>
  </si>
  <si>
    <t xml:space="preserve">   2.2- ICMS-Desoneração - L.C. nº87/1996</t>
  </si>
  <si>
    <t>87,21</t>
  </si>
  <si>
    <t xml:space="preserve">   2.3- Cota-Parte IPI-Exportação</t>
  </si>
  <si>
    <t>108,13</t>
  </si>
  <si>
    <t xml:space="preserve">   2.4- Cota-Parte IOF-Ouro</t>
  </si>
  <si>
    <t>3- DEDUÇÕES DE TRANSFERÊNCIAS CONSTITUCIONAIS AOS MUNICÍPIOS</t>
  </si>
  <si>
    <t>313,17</t>
  </si>
  <si>
    <t xml:space="preserve">   3.1- PARCELA DO ICMS REPASSADA AOS MUNICÍPIOS (25% de (1.1 - 1.1.3))</t>
  </si>
  <si>
    <t>101,98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100,84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74,25</t>
  </si>
  <si>
    <t xml:space="preserve">   6.1- Transferências do Salário-Educação</t>
  </si>
  <si>
    <t>102,05</t>
  </si>
  <si>
    <t xml:space="preserve">   6.2- Transferências Diretas – PDDE</t>
  </si>
  <si>
    <t>16,00</t>
  </si>
  <si>
    <t xml:space="preserve">   6.3- Transferências Diretas – PNAE</t>
  </si>
  <si>
    <t>137,75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52,99</t>
  </si>
  <si>
    <t>7- RECEITA DE TRANSFERÊNCIAS DE CONVÊNIOS</t>
  </si>
  <si>
    <t>98,13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79,78</t>
  </si>
  <si>
    <t>RECEITAS DO FUNDEB</t>
  </si>
  <si>
    <t>11- RECEITAS DESTINADAS AO FUNDEB</t>
  </si>
  <si>
    <t>100,24</t>
  </si>
  <si>
    <t>11.1- Receita Resultante do ICMS Destinada ao FUNDEB – (20% de (1.1 – 3.1))</t>
  </si>
  <si>
    <t>101,87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98,29</t>
  </si>
  <si>
    <t>12.1- Transferências de Recursos do FUNDEB</t>
  </si>
  <si>
    <t>12.2- Complementação da União ao FUNDEB</t>
  </si>
  <si>
    <t>12.3- Receita de Aplicação Financeira dos Recursos do FUNDEB</t>
  </si>
  <si>
    <t>309,03</t>
  </si>
  <si>
    <t>13- RESULTADO LÍQUIDO DAS TRANSFERÊNCIAS DO FUNDEB (12.1 – 11)</t>
  </si>
  <si>
    <t>104,93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>97,58</t>
  </si>
  <si>
    <t>97,48</t>
  </si>
  <si>
    <t xml:space="preserve">   14.1- Com Ensino Fundamental</t>
  </si>
  <si>
    <t xml:space="preserve">   14.2- Com Ensino Médio</t>
  </si>
  <si>
    <t>15- OUTRAS DESPESAS</t>
  </si>
  <si>
    <t>99,46</t>
  </si>
  <si>
    <t>99,34</t>
  </si>
  <si>
    <t xml:space="preserve">   15.1- Com Ensino Fundamental</t>
  </si>
  <si>
    <t xml:space="preserve">   15.2- Com Ensino Médio</t>
  </si>
  <si>
    <t>16- TOTAL DAS DESPESAS DO FUNDEB (14 + 15)</t>
  </si>
  <si>
    <t>97,59</t>
  </si>
  <si>
    <t>97,50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>97,63</t>
  </si>
  <si>
    <t xml:space="preserve">   24.1- Despesas Custeadas com Recursos do FUNDEB</t>
  </si>
  <si>
    <t>97,61</t>
  </si>
  <si>
    <t>97,51</t>
  </si>
  <si>
    <t xml:space="preserve">   24.2- Despesas Custeadas com Outros Recursos de Impostos</t>
  </si>
  <si>
    <t>96,06</t>
  </si>
  <si>
    <t>25- ENSINO MÉDIO</t>
  </si>
  <si>
    <t>97,66</t>
  </si>
  <si>
    <t>97,57</t>
  </si>
  <si>
    <t xml:space="preserve">   25.1- Despesas Custeadas com Recursos do FUNDEB</t>
  </si>
  <si>
    <t xml:space="preserve">   25.2- Despesas Custeadas com Outros Recursos de Impostos</t>
  </si>
  <si>
    <t>26- ENSINO SUPERIOR</t>
  </si>
  <si>
    <t>90,02</t>
  </si>
  <si>
    <t>89,78</t>
  </si>
  <si>
    <t>27- ENSINO PROFISSIONAL NÃO INTEGRADO AO ENSINO REGULAR</t>
  </si>
  <si>
    <t>11,71</t>
  </si>
  <si>
    <t>28- OUTRAS</t>
  </si>
  <si>
    <t>93,51</t>
  </si>
  <si>
    <t>90,29</t>
  </si>
  <si>
    <t>29- TOTAL DAS DESPESAS COM AÇÕES TÍPICAS DE MDE (23 + 24 + 25 + 26 + 27 + 28)</t>
  </si>
  <si>
    <t>95,14</t>
  </si>
  <si>
    <t>93,15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37- TOTAL DAS DEDUÇÕES CONSIDERADAS PARA FINS DO LIMITE CONSTITUCIONAL (30 + 31 + 33 + 34 + 35 + 36)</t>
  </si>
  <si>
    <t>38- TOTAL DAS DESPESAS PARA FINS DE LIMITE (29 – 37)</t>
  </si>
  <si>
    <t>39- PERCENTUAL DE APLICAÇÃO EM MDE SOBRE A RECEITA LÍQUIDA DE IMPOSTOS (38 / 4 x 100) % - LIMITE CONSTITUCIONAL 25%***4 e 5</t>
  </si>
  <si>
    <t xml:space="preserve">OUTRAS DESPESAS CUSTEADAS COM RECEITAS ADICIONAIS PARA FINANCIAMENTO DO ENSINO </t>
  </si>
  <si>
    <t>40- DESPESAS CUSTEADAS COM A APLICAÇÃO FINANCEIRA DE OUTROS RECURSOS DE IMPOSTOS VINCULADOS AO ENSINO</t>
  </si>
  <si>
    <t>41- DESPESAS CUSTEADAS COM A CONTRIBUIÇÃO SOCIAL DO SALÁRIO-EDUCAÇÃO</t>
  </si>
  <si>
    <t>99,37</t>
  </si>
  <si>
    <t>99,35</t>
  </si>
  <si>
    <t>42- DESPESAS CUSTEADAS COM OPERAÇÕES DE CRÉDITO</t>
  </si>
  <si>
    <t>43- DESPESAS CUSTEADAS COM OUTRAS RECEITAS PARA FINANCIAMENTO DO ENSINO</t>
  </si>
  <si>
    <t>63,20</t>
  </si>
  <si>
    <t>60,18</t>
  </si>
  <si>
    <t>44- TOTAL DAS OUTRAS DESPESAS CUSTEADAS COM RECEITAS ADICIONAIS PARA FINANCIAMENTO DO ENSINO (40 + 41 + 42 + 43)</t>
  </si>
  <si>
    <t>78,33</t>
  </si>
  <si>
    <t>76,57</t>
  </si>
  <si>
    <t>45- TOTAL GERAL DAS DESPESAS COM EDUCAÇÃO</t>
  </si>
  <si>
    <t>94,28</t>
  </si>
  <si>
    <t>92,31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46.1 - Executadas com Recursos de Impostos Vinculados ao Ensino</t>
  </si>
  <si>
    <t xml:space="preserve">46.2 - Executadas com Recursos do FUNDEB </t>
  </si>
  <si>
    <t>CONTROLE DA DISPONIBILIDADE FINANCEIRA</t>
  </si>
  <si>
    <t>FUNDEB</t>
  </si>
  <si>
    <t>SALÁRIO EDUCAÇÃO</t>
  </si>
  <si>
    <t xml:space="preserve">   47- SALDO FINANCEIRO EM 31 DE DEZEMBRO DE 2017</t>
  </si>
  <si>
    <t xml:space="preserve">   48- (+) INGRESSO DE RECURSOS ATÉ O BIMESTRE</t>
  </si>
  <si>
    <t xml:space="preserve">   49- (-) PAGAMENTOS EFETUADOS ATÉ O BIMESTRE</t>
  </si>
  <si>
    <t xml:space="preserve">      49.1 Orçamento do Exercício</t>
  </si>
  <si>
    <t xml:space="preserve">      49.2 Restos a Pagar</t>
  </si>
  <si>
    <t xml:space="preserve">   50- (+) RECEITA DE APLICAÇÃO FINANCEIRA DOS RECURSOS ATÉ O BIMESTRE</t>
  </si>
  <si>
    <t>51- (=) DISPONIBILIDADE FINANCEIRA ATÉ O BIMESTRE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09 - Operações de Crédito</t>
  </si>
  <si>
    <t>LRF, Art. 53, § 1º, inciso I</t>
  </si>
  <si>
    <t>Receitas Realizadas (b)</t>
  </si>
  <si>
    <t>Saldo Não Realizado c = (a - b)</t>
  </si>
  <si>
    <t>RECEITAS DE OPERAÇÕES DE CRÉDITO¹ (I)</t>
  </si>
  <si>
    <t>Despesas Empenhadas (e)</t>
  </si>
  <si>
    <t>Despesas Inscritas Em Restos a Pagar Não Processados</t>
  </si>
  <si>
    <t>Saldo Não Executado f = (d - e)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a-d)</t>
  </si>
  <si>
    <t>(b-e)</t>
  </si>
  <si>
    <t>(c-f)</t>
  </si>
  <si>
    <t>RESULTADO PARA APURAÇÃO DA REGRA DE OURO (III) = (I - II)</t>
  </si>
  <si>
    <t>Anexo 10 - Demonstrativo da Projeção Atuarial do regime Próprio de Previdência Social dos Servidores Públicos - Plano Previdênciário</t>
  </si>
  <si>
    <t>LRF, Art. 53, § 1º, inciso II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19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Anexo 11 - Demonstrativo das Receitas de Alienação de Ativos e Aplicacão de Recursos</t>
  </si>
  <si>
    <t>Saldo a Realizar (c)=(a-b)</t>
  </si>
  <si>
    <t>RECEITAS DE CAPITAL - ALIENAÇÃO DE ATIVOS (I)</t>
  </si>
  <si>
    <t>Alienação de Bens Móveis</t>
  </si>
  <si>
    <t>Alienação de Bens Imóveis</t>
  </si>
  <si>
    <t>Despesas Pagas (f)</t>
  </si>
  <si>
    <t>Pagamento de Restos a Pagar (g)</t>
  </si>
  <si>
    <t>Saldo a Pagar (h) = (d-e)</t>
  </si>
  <si>
    <t>APLICAÇÃO DOS RECURSOS DA ALIENAÇÃO DE ATIVOS (II)</t>
  </si>
  <si>
    <t>Despesas de Capital</t>
  </si>
  <si>
    <t xml:space="preserve">   Investimentos</t>
  </si>
  <si>
    <t xml:space="preserve">   Inversões Financeiras</t>
  </si>
  <si>
    <t xml:space="preserve">   Amortização da Dívida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101,96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5,59</t>
  </si>
  <si>
    <t xml:space="preserve">   Divida Ativa dos Impostos</t>
  </si>
  <si>
    <t>269,53</t>
  </si>
  <si>
    <t xml:space="preserve">   Multas, Juros de Mora e Outros Encargos da Dívida Ativa  </t>
  </si>
  <si>
    <t xml:space="preserve">RECEITA DE TRANSFERÊNCIAS CONSTITUCIONAIS E LEGAIS (II) </t>
  </si>
  <si>
    <t>89,86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102,18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68,95</t>
  </si>
  <si>
    <t xml:space="preserve">   Provenientes da União</t>
  </si>
  <si>
    <t>66,29</t>
  </si>
  <si>
    <t xml:space="preserve">   Provenientes de Outros Estados</t>
  </si>
  <si>
    <t xml:space="preserve">   Provenientes de Municípios</t>
  </si>
  <si>
    <t xml:space="preserve">   Outras Receitas do SUS</t>
  </si>
  <si>
    <t>77,89</t>
  </si>
  <si>
    <t>TRANSFERÊNCIAS VOLUNTÁRIAS</t>
  </si>
  <si>
    <t>163,07</t>
  </si>
  <si>
    <t>RECEITAS DE OPERAÇÕES DE CRÉDITO VINCULADAS À SAÚDE</t>
  </si>
  <si>
    <t>OUTRAS RECEITAS PARA FINANCIAMENTO DA SAÚDE</t>
  </si>
  <si>
    <t>27,22</t>
  </si>
  <si>
    <t>TOTAL RECEITAS ADICIONAIS PARA FINANCIAMENTO DA SAÚDE</t>
  </si>
  <si>
    <t>68,98</t>
  </si>
  <si>
    <t xml:space="preserve">DESPESAS COM SAÚDE (POR GRUPO DE NATUREZA DA DESPESA) </t>
  </si>
  <si>
    <t xml:space="preserve"> %  (f / e) x 100  </t>
  </si>
  <si>
    <t>%  (g / e) x 100</t>
  </si>
  <si>
    <t>Inscritas em R.P. não Processados</t>
  </si>
  <si>
    <t>91,44</t>
  </si>
  <si>
    <t>83,55</t>
  </si>
  <si>
    <t xml:space="preserve">   Pessoal e Encargos Sociais</t>
  </si>
  <si>
    <t>93,41</t>
  </si>
  <si>
    <t>93,34</t>
  </si>
  <si>
    <t xml:space="preserve">   Juros e Encargos da Dívida</t>
  </si>
  <si>
    <t>99,47</t>
  </si>
  <si>
    <t xml:space="preserve">   Outras Despesas Correntes</t>
  </si>
  <si>
    <t>90,78</t>
  </si>
  <si>
    <t>80,32</t>
  </si>
  <si>
    <t>38,56</t>
  </si>
  <si>
    <t>25,90</t>
  </si>
  <si>
    <t>38,30</t>
  </si>
  <si>
    <t>25,58</t>
  </si>
  <si>
    <t>96,63</t>
  </si>
  <si>
    <t>TOTAL DAS DESPESAS COM SAÚDE (V)</t>
  </si>
  <si>
    <t>88,10</t>
  </si>
  <si>
    <t>79,92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>15,43</t>
  </si>
  <si>
    <t>14,86</t>
  </si>
  <si>
    <t xml:space="preserve">   Recursos de Transferência do Sistema Único de Saúde - SUS</t>
  </si>
  <si>
    <t>10,98</t>
  </si>
  <si>
    <t>10,59</t>
  </si>
  <si>
    <t xml:space="preserve">   Recursos de Operações de Crédito</t>
  </si>
  <si>
    <t>0,65</t>
  </si>
  <si>
    <t xml:space="preserve">   Outros Recursos</t>
  </si>
  <si>
    <t>3,79</t>
  </si>
  <si>
    <t>3,70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65,06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Inscritos em 2016</t>
  </si>
  <si>
    <t>Inscritos em 2015</t>
  </si>
  <si>
    <t>Inscritos em 2014</t>
  </si>
  <si>
    <t>Inscritos em Exercícios Anteriores a Referência 2014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5,85</t>
  </si>
  <si>
    <t>5,48</t>
  </si>
  <si>
    <t>Assistência Hospitalar e Ambulatorial</t>
  </si>
  <si>
    <t>30,47</t>
  </si>
  <si>
    <t>28,17</t>
  </si>
  <si>
    <t>Suporte Profilático e Terapêutico</t>
  </si>
  <si>
    <t>4,94</t>
  </si>
  <si>
    <t>Vigilância Sanitária</t>
  </si>
  <si>
    <t>Vigilância Epidemiológica</t>
  </si>
  <si>
    <t>1,10</t>
  </si>
  <si>
    <t>0,84</t>
  </si>
  <si>
    <t>Alimentação e Nutrição</t>
  </si>
  <si>
    <t>Outras Subfunções</t>
  </si>
  <si>
    <t>57,64</t>
  </si>
  <si>
    <t>61,52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 xml:space="preserve">   Receitas Previdenciárias Realizadas</t>
  </si>
  <si>
    <t xml:space="preserve">   Despesas Previdenciárias</t>
  </si>
  <si>
    <t>Resultado Previdenciário</t>
  </si>
  <si>
    <t>Regime Próprio de Previdência dos Servidores - PLANO FINANCEIRO</t>
  </si>
  <si>
    <t>Receitas Previdenciárias Realizadas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31,57</t>
  </si>
  <si>
    <t>Resultado Primário</t>
  </si>
  <si>
    <t>71,52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 xml:space="preserve">   Poder Executivo</t>
  </si>
  <si>
    <t xml:space="preserve">   Poder Legislativo</t>
  </si>
  <si>
    <t xml:space="preserve">   Poder Judiciário</t>
  </si>
  <si>
    <t xml:space="preserve">   Ministério Público</t>
  </si>
  <si>
    <t xml:space="preserve">   Defensoria Pública</t>
  </si>
  <si>
    <t>RESTOS A PAGAR NÃO-PROCESSADOS</t>
  </si>
  <si>
    <t xml:space="preserve">   Defensoria Pública 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25%' das Receitas de Impostos em MDE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Despes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9"/>
  <sheetViews>
    <sheetView showGridLines="0" topLeftCell="A100" workbookViewId="0">
      <selection activeCell="C118" sqref="C118:C119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5" width="19" bestFit="1" customWidth="1"/>
    <col min="6" max="7" width="20.140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</row>
    <row r="4" spans="1:12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</row>
    <row r="5" spans="1:12" x14ac:dyDescent="0.25">
      <c r="A5" s="12" t="s">
        <v>2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</row>
    <row r="6" spans="1:12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</row>
    <row r="7" spans="1:12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</row>
    <row r="9" spans="1:12" x14ac:dyDescent="0.25">
      <c r="A9" s="13" t="s">
        <v>5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</row>
    <row r="10" spans="1:12" x14ac:dyDescent="0.25">
      <c r="A10" s="14" t="s">
        <v>6</v>
      </c>
      <c r="B10" s="14" t="s">
        <v>8</v>
      </c>
      <c r="C10" s="14" t="s">
        <v>9</v>
      </c>
      <c r="D10" s="14" t="s">
        <v>10</v>
      </c>
      <c r="E10" s="14" t="s">
        <v>11</v>
      </c>
      <c r="F10" s="14" t="s">
        <v>7</v>
      </c>
      <c r="G10" s="14" t="s">
        <v>7</v>
      </c>
      <c r="H10" s="14" t="s">
        <v>7</v>
      </c>
      <c r="I10" s="14" t="s">
        <v>16</v>
      </c>
    </row>
    <row r="11" spans="1:12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4" t="s">
        <v>7</v>
      </c>
    </row>
    <row r="12" spans="1:12" x14ac:dyDescent="0.25">
      <c r="A12" s="5" t="s">
        <v>17</v>
      </c>
      <c r="B12" s="7" t="s">
        <v>18</v>
      </c>
      <c r="C12" s="8">
        <v>13202358800</v>
      </c>
      <c r="D12" s="8">
        <v>14717424257</v>
      </c>
      <c r="E12" s="8">
        <v>2277378627.6300001</v>
      </c>
      <c r="F12" s="8" t="s">
        <v>19</v>
      </c>
      <c r="G12" s="8">
        <v>12629924729.85</v>
      </c>
      <c r="H12" s="8" t="s">
        <v>20</v>
      </c>
      <c r="I12" s="8">
        <v>2087499527.1500001</v>
      </c>
    </row>
    <row r="13" spans="1:12" x14ac:dyDescent="0.25">
      <c r="A13" s="5" t="s">
        <v>21</v>
      </c>
      <c r="B13" s="7" t="s">
        <v>22</v>
      </c>
      <c r="C13" s="8">
        <v>11578561400</v>
      </c>
      <c r="D13" s="8">
        <v>13046042222</v>
      </c>
      <c r="E13" s="8">
        <v>2109838461.5899999</v>
      </c>
      <c r="F13" s="8" t="s">
        <v>23</v>
      </c>
      <c r="G13" s="8">
        <v>11535668883.18</v>
      </c>
      <c r="H13" s="8" t="s">
        <v>24</v>
      </c>
      <c r="I13" s="8">
        <v>1510373338.8199999</v>
      </c>
    </row>
    <row r="14" spans="1:12" x14ac:dyDescent="0.25">
      <c r="A14" s="5" t="s">
        <v>25</v>
      </c>
      <c r="B14" s="7" t="s">
        <v>26</v>
      </c>
      <c r="C14" s="8">
        <v>6381070700</v>
      </c>
      <c r="D14" s="8">
        <v>6658062461.8299999</v>
      </c>
      <c r="E14" s="8">
        <v>1213735312.98</v>
      </c>
      <c r="F14" s="8" t="s">
        <v>27</v>
      </c>
      <c r="G14" s="8">
        <v>6706133233.9099998</v>
      </c>
      <c r="H14" s="8" t="s">
        <v>28</v>
      </c>
      <c r="I14" s="8">
        <v>-48070772.079999998</v>
      </c>
    </row>
    <row r="15" spans="1:12" x14ac:dyDescent="0.25">
      <c r="A15" s="4" t="s">
        <v>29</v>
      </c>
      <c r="B15" s="6" t="s">
        <v>30</v>
      </c>
      <c r="C15" s="9">
        <v>6115173000</v>
      </c>
      <c r="D15" s="9">
        <v>6350118427</v>
      </c>
      <c r="E15" s="9">
        <v>1171670577.0999999</v>
      </c>
      <c r="F15" s="9" t="s">
        <v>31</v>
      </c>
      <c r="G15" s="9">
        <v>6448306383.8599997</v>
      </c>
      <c r="H15" s="9" t="s">
        <v>32</v>
      </c>
      <c r="I15" s="9">
        <v>-98187956.859999999</v>
      </c>
    </row>
    <row r="16" spans="1:12" x14ac:dyDescent="0.25">
      <c r="A16" s="4" t="s">
        <v>33</v>
      </c>
      <c r="B16" s="6" t="s">
        <v>34</v>
      </c>
      <c r="C16" s="9">
        <v>265897700</v>
      </c>
      <c r="D16" s="9">
        <v>307944034.82999998</v>
      </c>
      <c r="E16" s="9">
        <v>42064735.880000003</v>
      </c>
      <c r="F16" s="9" t="s">
        <v>35</v>
      </c>
      <c r="G16" s="9">
        <v>257826850.05000001</v>
      </c>
      <c r="H16" s="9" t="s">
        <v>36</v>
      </c>
      <c r="I16" s="9">
        <v>50117184.780000001</v>
      </c>
    </row>
    <row r="17" spans="1:9" x14ac:dyDescent="0.25">
      <c r="A17" s="4" t="s">
        <v>37</v>
      </c>
      <c r="B17" s="6" t="s">
        <v>38</v>
      </c>
      <c r="C17" s="9">
        <v>0</v>
      </c>
      <c r="D17" s="9">
        <v>0</v>
      </c>
      <c r="E17" s="9">
        <v>0</v>
      </c>
      <c r="F17" s="9" t="s">
        <v>39</v>
      </c>
      <c r="G17" s="9">
        <v>0</v>
      </c>
      <c r="H17" s="9" t="s">
        <v>39</v>
      </c>
      <c r="I17" s="9">
        <v>0</v>
      </c>
    </row>
    <row r="18" spans="1:9" x14ac:dyDescent="0.25">
      <c r="A18" s="5" t="s">
        <v>40</v>
      </c>
      <c r="B18" s="7" t="s">
        <v>41</v>
      </c>
      <c r="C18" s="8">
        <v>640844200</v>
      </c>
      <c r="D18" s="8">
        <v>1210479227</v>
      </c>
      <c r="E18" s="8">
        <v>126881500.56999999</v>
      </c>
      <c r="F18" s="8" t="s">
        <v>42</v>
      </c>
      <c r="G18" s="8">
        <v>631011199.26999998</v>
      </c>
      <c r="H18" s="8" t="s">
        <v>43</v>
      </c>
      <c r="I18" s="8">
        <v>579468027.73000002</v>
      </c>
    </row>
    <row r="19" spans="1:9" x14ac:dyDescent="0.25">
      <c r="A19" s="4" t="s">
        <v>44</v>
      </c>
      <c r="B19" s="6" t="s">
        <v>45</v>
      </c>
      <c r="C19" s="9">
        <v>640844200</v>
      </c>
      <c r="D19" s="9">
        <v>1210479227</v>
      </c>
      <c r="E19" s="9">
        <v>126881500.56999999</v>
      </c>
      <c r="F19" s="9" t="s">
        <v>42</v>
      </c>
      <c r="G19" s="9">
        <v>631011199.26999998</v>
      </c>
      <c r="H19" s="9" t="s">
        <v>43</v>
      </c>
      <c r="I19" s="9">
        <v>579468027.73000002</v>
      </c>
    </row>
    <row r="20" spans="1:9" x14ac:dyDescent="0.25">
      <c r="A20" s="4" t="s">
        <v>46</v>
      </c>
      <c r="B20" s="6" t="s">
        <v>47</v>
      </c>
      <c r="C20" s="9">
        <v>0</v>
      </c>
      <c r="D20" s="9">
        <v>0</v>
      </c>
      <c r="E20" s="9">
        <v>0</v>
      </c>
      <c r="F20" s="9" t="s">
        <v>39</v>
      </c>
      <c r="G20" s="9">
        <v>0</v>
      </c>
      <c r="H20" s="9" t="s">
        <v>39</v>
      </c>
      <c r="I20" s="9">
        <v>0</v>
      </c>
    </row>
    <row r="21" spans="1:9" x14ac:dyDescent="0.25">
      <c r="A21" s="4" t="s">
        <v>48</v>
      </c>
      <c r="B21" s="6" t="s">
        <v>49</v>
      </c>
      <c r="C21" s="9">
        <v>0</v>
      </c>
      <c r="D21" s="9">
        <v>0</v>
      </c>
      <c r="E21" s="9">
        <v>0</v>
      </c>
      <c r="F21" s="9" t="s">
        <v>39</v>
      </c>
      <c r="G21" s="9">
        <v>0</v>
      </c>
      <c r="H21" s="9" t="s">
        <v>39</v>
      </c>
      <c r="I21" s="9">
        <v>0</v>
      </c>
    </row>
    <row r="22" spans="1:9" x14ac:dyDescent="0.25">
      <c r="A22" s="4" t="s">
        <v>50</v>
      </c>
      <c r="B22" s="6" t="s">
        <v>51</v>
      </c>
      <c r="C22" s="9">
        <v>0</v>
      </c>
      <c r="D22" s="9">
        <v>0</v>
      </c>
      <c r="E22" s="9">
        <v>0</v>
      </c>
      <c r="F22" s="9" t="s">
        <v>39</v>
      </c>
      <c r="G22" s="9">
        <v>0</v>
      </c>
      <c r="H22" s="9" t="s">
        <v>39</v>
      </c>
      <c r="I22" s="9">
        <v>0</v>
      </c>
    </row>
    <row r="23" spans="1:9" x14ac:dyDescent="0.25">
      <c r="A23" s="5" t="s">
        <v>52</v>
      </c>
      <c r="B23" s="7" t="s">
        <v>53</v>
      </c>
      <c r="C23" s="8">
        <v>333999600</v>
      </c>
      <c r="D23" s="8">
        <v>338216600</v>
      </c>
      <c r="E23" s="8">
        <v>83389257.280000001</v>
      </c>
      <c r="F23" s="8" t="s">
        <v>54</v>
      </c>
      <c r="G23" s="8">
        <v>176894065.59999999</v>
      </c>
      <c r="H23" s="8" t="s">
        <v>55</v>
      </c>
      <c r="I23" s="8">
        <v>161322534.40000001</v>
      </c>
    </row>
    <row r="24" spans="1:9" x14ac:dyDescent="0.25">
      <c r="A24" s="4" t="s">
        <v>56</v>
      </c>
      <c r="B24" s="6" t="s">
        <v>57</v>
      </c>
      <c r="C24" s="9">
        <v>2425700</v>
      </c>
      <c r="D24" s="9">
        <v>2427700</v>
      </c>
      <c r="E24" s="9">
        <v>398644.61</v>
      </c>
      <c r="F24" s="9" t="s">
        <v>58</v>
      </c>
      <c r="G24" s="9">
        <v>1975356.01</v>
      </c>
      <c r="H24" s="9" t="s">
        <v>59</v>
      </c>
      <c r="I24" s="9">
        <v>452343.99</v>
      </c>
    </row>
    <row r="25" spans="1:9" x14ac:dyDescent="0.25">
      <c r="A25" s="4" t="s">
        <v>60</v>
      </c>
      <c r="B25" s="6" t="s">
        <v>61</v>
      </c>
      <c r="C25" s="9">
        <v>280973700</v>
      </c>
      <c r="D25" s="9">
        <v>284188700</v>
      </c>
      <c r="E25" s="9">
        <v>8843967.4900000002</v>
      </c>
      <c r="F25" s="9" t="s">
        <v>62</v>
      </c>
      <c r="G25" s="9">
        <v>61325542.649999999</v>
      </c>
      <c r="H25" s="9" t="s">
        <v>63</v>
      </c>
      <c r="I25" s="9">
        <v>222863157.34999999</v>
      </c>
    </row>
    <row r="26" spans="1:9" x14ac:dyDescent="0.25">
      <c r="A26" s="4" t="s">
        <v>64</v>
      </c>
      <c r="B26" s="6" t="s">
        <v>65</v>
      </c>
      <c r="C26" s="9">
        <v>0</v>
      </c>
      <c r="D26" s="9">
        <v>0</v>
      </c>
      <c r="E26" s="9">
        <v>0</v>
      </c>
      <c r="F26" s="9" t="s">
        <v>39</v>
      </c>
      <c r="G26" s="9">
        <v>0</v>
      </c>
      <c r="H26" s="9" t="s">
        <v>39</v>
      </c>
      <c r="I26" s="9">
        <v>0</v>
      </c>
    </row>
    <row r="27" spans="1:9" x14ac:dyDescent="0.25">
      <c r="A27" s="4" t="s">
        <v>66</v>
      </c>
      <c r="B27" s="6" t="s">
        <v>67</v>
      </c>
      <c r="C27" s="9">
        <v>32550200</v>
      </c>
      <c r="D27" s="9">
        <v>32550200</v>
      </c>
      <c r="E27" s="9">
        <v>6189360.5899999999</v>
      </c>
      <c r="F27" s="9" t="s">
        <v>68</v>
      </c>
      <c r="G27" s="9">
        <v>30501425.539999999</v>
      </c>
      <c r="H27" s="9" t="s">
        <v>69</v>
      </c>
      <c r="I27" s="9">
        <v>2048774.46</v>
      </c>
    </row>
    <row r="28" spans="1:9" x14ac:dyDescent="0.25">
      <c r="A28" s="4" t="s">
        <v>70</v>
      </c>
      <c r="B28" s="6" t="s">
        <v>71</v>
      </c>
      <c r="C28" s="9">
        <v>0</v>
      </c>
      <c r="D28" s="9">
        <v>0</v>
      </c>
      <c r="E28" s="9">
        <v>0</v>
      </c>
      <c r="F28" s="9" t="s">
        <v>39</v>
      </c>
      <c r="G28" s="9">
        <v>0</v>
      </c>
      <c r="H28" s="9" t="s">
        <v>39</v>
      </c>
      <c r="I28" s="9">
        <v>0</v>
      </c>
    </row>
    <row r="29" spans="1:9" x14ac:dyDescent="0.25">
      <c r="A29" s="4" t="s">
        <v>72</v>
      </c>
      <c r="B29" s="6" t="s">
        <v>73</v>
      </c>
      <c r="C29" s="9">
        <v>18050000</v>
      </c>
      <c r="D29" s="9">
        <v>19050000</v>
      </c>
      <c r="E29" s="9">
        <v>67957284.590000004</v>
      </c>
      <c r="F29" s="9" t="s">
        <v>74</v>
      </c>
      <c r="G29" s="9">
        <v>83091741.400000006</v>
      </c>
      <c r="H29" s="9" t="s">
        <v>75</v>
      </c>
      <c r="I29" s="9">
        <v>-64041741.399999999</v>
      </c>
    </row>
    <row r="30" spans="1:9" x14ac:dyDescent="0.25">
      <c r="A30" s="4" t="s">
        <v>76</v>
      </c>
      <c r="B30" s="6" t="s">
        <v>77</v>
      </c>
      <c r="C30" s="9">
        <v>0</v>
      </c>
      <c r="D30" s="9">
        <v>0</v>
      </c>
      <c r="E30" s="9">
        <v>0</v>
      </c>
      <c r="F30" s="9" t="s">
        <v>39</v>
      </c>
      <c r="G30" s="9">
        <v>0</v>
      </c>
      <c r="H30" s="9" t="s">
        <v>39</v>
      </c>
      <c r="I30" s="9">
        <v>0</v>
      </c>
    </row>
    <row r="31" spans="1:9" x14ac:dyDescent="0.25">
      <c r="A31" s="4" t="s">
        <v>78</v>
      </c>
      <c r="B31" s="6" t="s">
        <v>79</v>
      </c>
      <c r="C31" s="9">
        <v>0</v>
      </c>
      <c r="D31" s="9">
        <v>0</v>
      </c>
      <c r="E31" s="9">
        <v>0</v>
      </c>
      <c r="F31" s="9" t="s">
        <v>39</v>
      </c>
      <c r="G31" s="9">
        <v>0</v>
      </c>
      <c r="H31" s="9" t="s">
        <v>39</v>
      </c>
      <c r="I31" s="9">
        <v>0</v>
      </c>
    </row>
    <row r="32" spans="1:9" x14ac:dyDescent="0.25">
      <c r="A32" s="4" t="s">
        <v>80</v>
      </c>
      <c r="B32" s="6" t="s">
        <v>81</v>
      </c>
      <c r="C32" s="9">
        <v>0</v>
      </c>
      <c r="D32" s="9">
        <v>0</v>
      </c>
      <c r="E32" s="9">
        <v>0</v>
      </c>
      <c r="F32" s="9" t="s">
        <v>39</v>
      </c>
      <c r="G32" s="9">
        <v>0</v>
      </c>
      <c r="H32" s="9" t="s">
        <v>39</v>
      </c>
      <c r="I32" s="9">
        <v>0</v>
      </c>
    </row>
    <row r="33" spans="1:9" x14ac:dyDescent="0.25">
      <c r="A33" s="5" t="s">
        <v>82</v>
      </c>
      <c r="B33" s="7" t="s">
        <v>83</v>
      </c>
      <c r="C33" s="8">
        <v>586016600</v>
      </c>
      <c r="D33" s="8">
        <v>1048222674.49</v>
      </c>
      <c r="E33" s="8">
        <v>115203041.66</v>
      </c>
      <c r="F33" s="8" t="s">
        <v>84</v>
      </c>
      <c r="G33" s="8">
        <v>793328384.42999995</v>
      </c>
      <c r="H33" s="8" t="s">
        <v>85</v>
      </c>
      <c r="I33" s="8">
        <v>254894290.06</v>
      </c>
    </row>
    <row r="34" spans="1:9" x14ac:dyDescent="0.25">
      <c r="A34" s="4" t="s">
        <v>86</v>
      </c>
      <c r="B34" s="6" t="s">
        <v>87</v>
      </c>
      <c r="C34" s="9">
        <v>506907900</v>
      </c>
      <c r="D34" s="9">
        <v>968113974.49000001</v>
      </c>
      <c r="E34" s="9">
        <v>104199486.05</v>
      </c>
      <c r="F34" s="9" t="s">
        <v>88</v>
      </c>
      <c r="G34" s="9">
        <v>727618960.75999999</v>
      </c>
      <c r="H34" s="9" t="s">
        <v>89</v>
      </c>
      <c r="I34" s="9">
        <v>240495013.72999999</v>
      </c>
    </row>
    <row r="35" spans="1:9" x14ac:dyDescent="0.25">
      <c r="A35" s="4" t="s">
        <v>90</v>
      </c>
      <c r="B35" s="6" t="s">
        <v>91</v>
      </c>
      <c r="C35" s="9">
        <v>1084000</v>
      </c>
      <c r="D35" s="9">
        <v>1084000</v>
      </c>
      <c r="E35" s="9">
        <v>249059.46</v>
      </c>
      <c r="F35" s="9" t="s">
        <v>92</v>
      </c>
      <c r="G35" s="9">
        <v>1405962.07</v>
      </c>
      <c r="H35" s="9" t="s">
        <v>93</v>
      </c>
      <c r="I35" s="9">
        <v>-321962.07</v>
      </c>
    </row>
    <row r="36" spans="1:9" x14ac:dyDescent="0.25">
      <c r="A36" s="4" t="s">
        <v>94</v>
      </c>
      <c r="B36" s="6" t="s">
        <v>95</v>
      </c>
      <c r="C36" s="9">
        <v>71006700</v>
      </c>
      <c r="D36" s="9">
        <v>71006700</v>
      </c>
      <c r="E36" s="9">
        <v>9477656.5800000001</v>
      </c>
      <c r="F36" s="9" t="s">
        <v>96</v>
      </c>
      <c r="G36" s="9">
        <v>56851876.32</v>
      </c>
      <c r="H36" s="9" t="s">
        <v>97</v>
      </c>
      <c r="I36" s="9">
        <v>14154823.68</v>
      </c>
    </row>
    <row r="37" spans="1:9" x14ac:dyDescent="0.25">
      <c r="A37" s="4" t="s">
        <v>98</v>
      </c>
      <c r="B37" s="6" t="s">
        <v>99</v>
      </c>
      <c r="C37" s="9">
        <v>0</v>
      </c>
      <c r="D37" s="9">
        <v>0</v>
      </c>
      <c r="E37" s="9">
        <v>0</v>
      </c>
      <c r="F37" s="9" t="s">
        <v>39</v>
      </c>
      <c r="G37" s="9">
        <v>0</v>
      </c>
      <c r="H37" s="9" t="s">
        <v>39</v>
      </c>
      <c r="I37" s="9">
        <v>0</v>
      </c>
    </row>
    <row r="38" spans="1:9" x14ac:dyDescent="0.25">
      <c r="A38" s="4" t="s">
        <v>100</v>
      </c>
      <c r="B38" s="6" t="s">
        <v>101</v>
      </c>
      <c r="C38" s="9">
        <v>7018000</v>
      </c>
      <c r="D38" s="9">
        <v>8018000</v>
      </c>
      <c r="E38" s="9">
        <v>1276839.57</v>
      </c>
      <c r="F38" s="9" t="s">
        <v>102</v>
      </c>
      <c r="G38" s="9">
        <v>7451585.2800000003</v>
      </c>
      <c r="H38" s="9" t="s">
        <v>103</v>
      </c>
      <c r="I38" s="9">
        <v>566414.72</v>
      </c>
    </row>
    <row r="39" spans="1:9" x14ac:dyDescent="0.25">
      <c r="A39" s="5" t="s">
        <v>104</v>
      </c>
      <c r="B39" s="7" t="s">
        <v>105</v>
      </c>
      <c r="C39" s="8">
        <v>3497656000</v>
      </c>
      <c r="D39" s="8">
        <v>3614563200</v>
      </c>
      <c r="E39" s="8">
        <v>534999910.14999998</v>
      </c>
      <c r="F39" s="8" t="s">
        <v>106</v>
      </c>
      <c r="G39" s="8">
        <v>3112095868.6599998</v>
      </c>
      <c r="H39" s="8" t="s">
        <v>107</v>
      </c>
      <c r="I39" s="8">
        <v>502467331.33999997</v>
      </c>
    </row>
    <row r="40" spans="1:9" x14ac:dyDescent="0.25">
      <c r="A40" s="4" t="s">
        <v>108</v>
      </c>
      <c r="B40" s="6" t="s">
        <v>109</v>
      </c>
      <c r="C40" s="9">
        <v>1736945900</v>
      </c>
      <c r="D40" s="9">
        <v>1756880900</v>
      </c>
      <c r="E40" s="9">
        <v>248951865.53</v>
      </c>
      <c r="F40" s="9" t="s">
        <v>110</v>
      </c>
      <c r="G40" s="9">
        <v>1356492552.3800001</v>
      </c>
      <c r="H40" s="9" t="s">
        <v>111</v>
      </c>
      <c r="I40" s="9">
        <v>400388347.62</v>
      </c>
    </row>
    <row r="41" spans="1:9" x14ac:dyDescent="0.25">
      <c r="A41" s="4" t="s">
        <v>112</v>
      </c>
      <c r="B41" s="6" t="s">
        <v>113</v>
      </c>
      <c r="C41" s="9">
        <v>0</v>
      </c>
      <c r="D41" s="9">
        <v>0</v>
      </c>
      <c r="E41" s="9">
        <v>0</v>
      </c>
      <c r="F41" s="9" t="s">
        <v>39</v>
      </c>
      <c r="G41" s="9">
        <v>0</v>
      </c>
      <c r="H41" s="9" t="s">
        <v>39</v>
      </c>
      <c r="I41" s="9">
        <v>0</v>
      </c>
    </row>
    <row r="42" spans="1:9" x14ac:dyDescent="0.25">
      <c r="A42" s="4" t="s">
        <v>114</v>
      </c>
      <c r="B42" s="6" t="s">
        <v>115</v>
      </c>
      <c r="C42" s="9">
        <v>382400</v>
      </c>
      <c r="D42" s="9">
        <v>382400</v>
      </c>
      <c r="E42" s="9">
        <v>200685.17</v>
      </c>
      <c r="F42" s="9" t="s">
        <v>116</v>
      </c>
      <c r="G42" s="9">
        <v>1083685.6299999999</v>
      </c>
      <c r="H42" s="9" t="s">
        <v>117</v>
      </c>
      <c r="I42" s="9">
        <v>-701285.63</v>
      </c>
    </row>
    <row r="43" spans="1:9" x14ac:dyDescent="0.25">
      <c r="A43" s="4" t="s">
        <v>118</v>
      </c>
      <c r="B43" s="6" t="s">
        <v>119</v>
      </c>
      <c r="C43" s="9">
        <v>732130400</v>
      </c>
      <c r="D43" s="9">
        <v>794102600</v>
      </c>
      <c r="E43" s="9">
        <v>113611092.51000001</v>
      </c>
      <c r="F43" s="9" t="s">
        <v>120</v>
      </c>
      <c r="G43" s="9">
        <v>716195395.79999995</v>
      </c>
      <c r="H43" s="9" t="s">
        <v>121</v>
      </c>
      <c r="I43" s="9">
        <v>77907204.200000003</v>
      </c>
    </row>
    <row r="44" spans="1:9" x14ac:dyDescent="0.25">
      <c r="A44" s="4" t="s">
        <v>122</v>
      </c>
      <c r="B44" s="6" t="s">
        <v>123</v>
      </c>
      <c r="C44" s="9">
        <v>1027399300</v>
      </c>
      <c r="D44" s="9">
        <v>1062399300</v>
      </c>
      <c r="E44" s="9">
        <v>172236266.94</v>
      </c>
      <c r="F44" s="9" t="s">
        <v>124</v>
      </c>
      <c r="G44" s="9">
        <v>1037689821.02</v>
      </c>
      <c r="H44" s="9" t="s">
        <v>125</v>
      </c>
      <c r="I44" s="9">
        <v>24709478.98</v>
      </c>
    </row>
    <row r="45" spans="1:9" x14ac:dyDescent="0.25">
      <c r="A45" s="4" t="s">
        <v>126</v>
      </c>
      <c r="B45" s="6" t="s">
        <v>127</v>
      </c>
      <c r="C45" s="9">
        <v>798000</v>
      </c>
      <c r="D45" s="9">
        <v>798000</v>
      </c>
      <c r="E45" s="9">
        <v>0</v>
      </c>
      <c r="F45" s="9" t="s">
        <v>39</v>
      </c>
      <c r="G45" s="9">
        <v>634413.82999999996</v>
      </c>
      <c r="H45" s="9" t="s">
        <v>128</v>
      </c>
      <c r="I45" s="9">
        <v>163586.17000000001</v>
      </c>
    </row>
    <row r="46" spans="1:9" x14ac:dyDescent="0.25">
      <c r="A46" s="4" t="s">
        <v>129</v>
      </c>
      <c r="B46" s="6" t="s">
        <v>130</v>
      </c>
      <c r="C46" s="9">
        <v>0</v>
      </c>
      <c r="D46" s="9">
        <v>0</v>
      </c>
      <c r="E46" s="9">
        <v>0</v>
      </c>
      <c r="F46" s="9" t="s">
        <v>39</v>
      </c>
      <c r="G46" s="9">
        <v>0</v>
      </c>
      <c r="H46" s="9" t="s">
        <v>39</v>
      </c>
      <c r="I46" s="9">
        <v>0</v>
      </c>
    </row>
    <row r="47" spans="1:9" x14ac:dyDescent="0.25">
      <c r="A47" s="4" t="s">
        <v>131</v>
      </c>
      <c r="B47" s="6" t="s">
        <v>132</v>
      </c>
      <c r="C47" s="9">
        <v>0</v>
      </c>
      <c r="D47" s="9">
        <v>0</v>
      </c>
      <c r="E47" s="9">
        <v>0</v>
      </c>
      <c r="F47" s="9" t="s">
        <v>39</v>
      </c>
      <c r="G47" s="9">
        <v>0</v>
      </c>
      <c r="H47" s="9" t="s">
        <v>39</v>
      </c>
      <c r="I47" s="9">
        <v>0</v>
      </c>
    </row>
    <row r="48" spans="1:9" x14ac:dyDescent="0.25">
      <c r="A48" s="5" t="s">
        <v>133</v>
      </c>
      <c r="B48" s="7" t="s">
        <v>134</v>
      </c>
      <c r="C48" s="8">
        <v>138974300</v>
      </c>
      <c r="D48" s="8">
        <v>176498058.68000001</v>
      </c>
      <c r="E48" s="8">
        <v>35629438.950000003</v>
      </c>
      <c r="F48" s="8" t="s">
        <v>135</v>
      </c>
      <c r="G48" s="8">
        <v>116206131.31</v>
      </c>
      <c r="H48" s="8" t="s">
        <v>136</v>
      </c>
      <c r="I48" s="8">
        <v>60291927.369999997</v>
      </c>
    </row>
    <row r="49" spans="1:9" x14ac:dyDescent="0.25">
      <c r="A49" s="4" t="s">
        <v>137</v>
      </c>
      <c r="B49" s="6" t="s">
        <v>138</v>
      </c>
      <c r="C49" s="9">
        <v>44516500</v>
      </c>
      <c r="D49" s="9">
        <v>61710658.68</v>
      </c>
      <c r="E49" s="9">
        <v>7558680.1500000004</v>
      </c>
      <c r="F49" s="9" t="s">
        <v>139</v>
      </c>
      <c r="G49" s="9">
        <v>45067088.390000001</v>
      </c>
      <c r="H49" s="9" t="s">
        <v>140</v>
      </c>
      <c r="I49" s="9">
        <v>16643570.289999999</v>
      </c>
    </row>
    <row r="50" spans="1:9" x14ac:dyDescent="0.25">
      <c r="A50" s="4" t="s">
        <v>141</v>
      </c>
      <c r="B50" s="6" t="s">
        <v>142</v>
      </c>
      <c r="C50" s="9">
        <v>72619100</v>
      </c>
      <c r="D50" s="9">
        <v>92323000</v>
      </c>
      <c r="E50" s="9">
        <v>4835668.1399999997</v>
      </c>
      <c r="F50" s="9" t="s">
        <v>143</v>
      </c>
      <c r="G50" s="9">
        <v>29947882.91</v>
      </c>
      <c r="H50" s="9" t="s">
        <v>144</v>
      </c>
      <c r="I50" s="9">
        <v>62375117.090000004</v>
      </c>
    </row>
    <row r="51" spans="1:9" x14ac:dyDescent="0.25">
      <c r="A51" s="4" t="s">
        <v>145</v>
      </c>
      <c r="B51" s="6" t="s">
        <v>146</v>
      </c>
      <c r="C51" s="9">
        <v>0</v>
      </c>
      <c r="D51" s="9">
        <v>0</v>
      </c>
      <c r="E51" s="9">
        <v>0</v>
      </c>
      <c r="F51" s="9" t="s">
        <v>39</v>
      </c>
      <c r="G51" s="9">
        <v>0</v>
      </c>
      <c r="H51" s="9" t="s">
        <v>39</v>
      </c>
      <c r="I51" s="9">
        <v>0</v>
      </c>
    </row>
    <row r="52" spans="1:9" x14ac:dyDescent="0.25">
      <c r="A52" s="4" t="s">
        <v>147</v>
      </c>
      <c r="B52" s="6" t="s">
        <v>148</v>
      </c>
      <c r="C52" s="9">
        <v>21838700</v>
      </c>
      <c r="D52" s="9">
        <v>22464400</v>
      </c>
      <c r="E52" s="9">
        <v>23235090.66</v>
      </c>
      <c r="F52" s="9" t="s">
        <v>149</v>
      </c>
      <c r="G52" s="9">
        <v>41191160.009999998</v>
      </c>
      <c r="H52" s="9" t="s">
        <v>150</v>
      </c>
      <c r="I52" s="9">
        <v>-18726760.010000002</v>
      </c>
    </row>
    <row r="53" spans="1:9" x14ac:dyDescent="0.25">
      <c r="A53" s="5" t="s">
        <v>151</v>
      </c>
      <c r="B53" s="7" t="s">
        <v>152</v>
      </c>
      <c r="C53" s="8">
        <v>1623797400</v>
      </c>
      <c r="D53" s="8">
        <v>1671382035</v>
      </c>
      <c r="E53" s="8">
        <v>167540166.03999999</v>
      </c>
      <c r="F53" s="8" t="s">
        <v>153</v>
      </c>
      <c r="G53" s="8">
        <v>1094255846.6700001</v>
      </c>
      <c r="H53" s="8" t="s">
        <v>154</v>
      </c>
      <c r="I53" s="8">
        <v>577126188.33000004</v>
      </c>
    </row>
    <row r="54" spans="1:9" x14ac:dyDescent="0.25">
      <c r="A54" s="5" t="s">
        <v>155</v>
      </c>
      <c r="B54" s="7" t="s">
        <v>156</v>
      </c>
      <c r="C54" s="8">
        <v>0</v>
      </c>
      <c r="D54" s="8">
        <v>22665700</v>
      </c>
      <c r="E54" s="8">
        <v>0</v>
      </c>
      <c r="F54" s="8" t="s">
        <v>39</v>
      </c>
      <c r="G54" s="8">
        <v>17613400</v>
      </c>
      <c r="H54" s="8" t="s">
        <v>157</v>
      </c>
      <c r="I54" s="8">
        <v>5052300</v>
      </c>
    </row>
    <row r="55" spans="1:9" x14ac:dyDescent="0.25">
      <c r="A55" s="4" t="s">
        <v>158</v>
      </c>
      <c r="B55" s="6" t="s">
        <v>159</v>
      </c>
      <c r="C55" s="9">
        <v>0</v>
      </c>
      <c r="D55" s="9">
        <v>10000000</v>
      </c>
      <c r="E55" s="9">
        <v>0</v>
      </c>
      <c r="F55" s="9" t="s">
        <v>39</v>
      </c>
      <c r="G55" s="9">
        <v>17613400</v>
      </c>
      <c r="H55" s="9" t="s">
        <v>160</v>
      </c>
      <c r="I55" s="9">
        <v>-7613400</v>
      </c>
    </row>
    <row r="56" spans="1:9" x14ac:dyDescent="0.25">
      <c r="A56" s="4" t="s">
        <v>161</v>
      </c>
      <c r="B56" s="6" t="s">
        <v>162</v>
      </c>
      <c r="C56" s="9">
        <v>0</v>
      </c>
      <c r="D56" s="9">
        <v>12665700</v>
      </c>
      <c r="E56" s="9">
        <v>0</v>
      </c>
      <c r="F56" s="9" t="s">
        <v>39</v>
      </c>
      <c r="G56" s="9">
        <v>0</v>
      </c>
      <c r="H56" s="9" t="s">
        <v>39</v>
      </c>
      <c r="I56" s="9">
        <v>12665700</v>
      </c>
    </row>
    <row r="57" spans="1:9" x14ac:dyDescent="0.25">
      <c r="A57" s="5" t="s">
        <v>163</v>
      </c>
      <c r="B57" s="7" t="s">
        <v>164</v>
      </c>
      <c r="C57" s="8">
        <v>2000000</v>
      </c>
      <c r="D57" s="8">
        <v>3547200</v>
      </c>
      <c r="E57" s="8">
        <v>145981.74</v>
      </c>
      <c r="F57" s="8" t="s">
        <v>165</v>
      </c>
      <c r="G57" s="8">
        <v>4338515.2300000004</v>
      </c>
      <c r="H57" s="8" t="s">
        <v>166</v>
      </c>
      <c r="I57" s="8">
        <v>-791315.23</v>
      </c>
    </row>
    <row r="58" spans="1:9" x14ac:dyDescent="0.25">
      <c r="A58" s="4" t="s">
        <v>167</v>
      </c>
      <c r="B58" s="6" t="s">
        <v>168</v>
      </c>
      <c r="C58" s="9">
        <v>2000000</v>
      </c>
      <c r="D58" s="9">
        <v>2000000</v>
      </c>
      <c r="E58" s="9">
        <v>33413.29</v>
      </c>
      <c r="F58" s="9" t="s">
        <v>169</v>
      </c>
      <c r="G58" s="9">
        <v>2466510.73</v>
      </c>
      <c r="H58" s="9" t="s">
        <v>170</v>
      </c>
      <c r="I58" s="9">
        <v>-466510.73</v>
      </c>
    </row>
    <row r="59" spans="1:9" x14ac:dyDescent="0.25">
      <c r="A59" s="4" t="s">
        <v>171</v>
      </c>
      <c r="B59" s="6" t="s">
        <v>172</v>
      </c>
      <c r="C59" s="9">
        <v>0</v>
      </c>
      <c r="D59" s="9">
        <v>1547200</v>
      </c>
      <c r="E59" s="9">
        <v>112568.45</v>
      </c>
      <c r="F59" s="9" t="s">
        <v>173</v>
      </c>
      <c r="G59" s="9">
        <v>1872004.5</v>
      </c>
      <c r="H59" s="9" t="s">
        <v>174</v>
      </c>
      <c r="I59" s="9">
        <v>-324804.5</v>
      </c>
    </row>
    <row r="60" spans="1:9" x14ac:dyDescent="0.25">
      <c r="A60" s="4" t="s">
        <v>175</v>
      </c>
      <c r="B60" s="6" t="s">
        <v>176</v>
      </c>
      <c r="C60" s="9">
        <v>0</v>
      </c>
      <c r="D60" s="9">
        <v>0</v>
      </c>
      <c r="E60" s="9">
        <v>0</v>
      </c>
      <c r="F60" s="9" t="s">
        <v>39</v>
      </c>
      <c r="G60" s="9">
        <v>0</v>
      </c>
      <c r="H60" s="9" t="s">
        <v>39</v>
      </c>
      <c r="I60" s="9">
        <v>0</v>
      </c>
    </row>
    <row r="61" spans="1:9" x14ac:dyDescent="0.25">
      <c r="A61" s="4" t="s">
        <v>177</v>
      </c>
      <c r="B61" s="6" t="s">
        <v>178</v>
      </c>
      <c r="C61" s="9">
        <v>4212600</v>
      </c>
      <c r="D61" s="9">
        <v>6582600</v>
      </c>
      <c r="E61" s="9">
        <v>1362444.78</v>
      </c>
      <c r="F61" s="9" t="s">
        <v>179</v>
      </c>
      <c r="G61" s="9">
        <v>6324524.9900000002</v>
      </c>
      <c r="H61" s="9" t="s">
        <v>180</v>
      </c>
      <c r="I61" s="9">
        <v>258075.01</v>
      </c>
    </row>
    <row r="62" spans="1:9" x14ac:dyDescent="0.25">
      <c r="A62" s="5" t="s">
        <v>181</v>
      </c>
      <c r="B62" s="7" t="s">
        <v>182</v>
      </c>
      <c r="C62" s="8">
        <v>1015367300</v>
      </c>
      <c r="D62" s="8">
        <v>1036369035</v>
      </c>
      <c r="E62" s="8">
        <v>166031739.52000001</v>
      </c>
      <c r="F62" s="8" t="s">
        <v>183</v>
      </c>
      <c r="G62" s="8">
        <v>785196646.64999998</v>
      </c>
      <c r="H62" s="8" t="s">
        <v>184</v>
      </c>
      <c r="I62" s="8">
        <v>251172388.34999999</v>
      </c>
    </row>
    <row r="63" spans="1:9" x14ac:dyDescent="0.25">
      <c r="A63" s="4" t="s">
        <v>185</v>
      </c>
      <c r="B63" s="6" t="s">
        <v>109</v>
      </c>
      <c r="C63" s="9">
        <v>420819100</v>
      </c>
      <c r="D63" s="9">
        <v>439455926</v>
      </c>
      <c r="E63" s="9">
        <v>56841524.350000001</v>
      </c>
      <c r="F63" s="9" t="s">
        <v>186</v>
      </c>
      <c r="G63" s="9">
        <v>160454836.02000001</v>
      </c>
      <c r="H63" s="9" t="s">
        <v>187</v>
      </c>
      <c r="I63" s="9">
        <v>279001089.98000002</v>
      </c>
    </row>
    <row r="64" spans="1:9" x14ac:dyDescent="0.25">
      <c r="A64" s="4" t="s">
        <v>188</v>
      </c>
      <c r="B64" s="6" t="s">
        <v>113</v>
      </c>
      <c r="C64" s="9">
        <v>1720000</v>
      </c>
      <c r="D64" s="9">
        <v>3547700</v>
      </c>
      <c r="E64" s="9">
        <v>5346898.95</v>
      </c>
      <c r="F64" s="9" t="s">
        <v>189</v>
      </c>
      <c r="G64" s="9">
        <v>19763833.530000001</v>
      </c>
      <c r="H64" s="9" t="s">
        <v>190</v>
      </c>
      <c r="I64" s="9">
        <v>-16216133.529999999</v>
      </c>
    </row>
    <row r="65" spans="1:9" x14ac:dyDescent="0.25">
      <c r="A65" s="4" t="s">
        <v>191</v>
      </c>
      <c r="B65" s="6" t="s">
        <v>115</v>
      </c>
      <c r="C65" s="9">
        <v>0</v>
      </c>
      <c r="D65" s="9">
        <v>537209</v>
      </c>
      <c r="E65" s="9">
        <v>260953.51</v>
      </c>
      <c r="F65" s="9" t="s">
        <v>192</v>
      </c>
      <c r="G65" s="9">
        <v>1025619.99</v>
      </c>
      <c r="H65" s="9" t="s">
        <v>193</v>
      </c>
      <c r="I65" s="9">
        <v>-488410.99</v>
      </c>
    </row>
    <row r="66" spans="1:9" x14ac:dyDescent="0.25">
      <c r="A66" s="4" t="s">
        <v>194</v>
      </c>
      <c r="B66" s="6" t="s">
        <v>119</v>
      </c>
      <c r="C66" s="9">
        <v>592711900</v>
      </c>
      <c r="D66" s="9">
        <v>592711900</v>
      </c>
      <c r="E66" s="9">
        <v>103582362.70999999</v>
      </c>
      <c r="F66" s="9" t="s">
        <v>195</v>
      </c>
      <c r="G66" s="9">
        <v>603952357.11000001</v>
      </c>
      <c r="H66" s="9" t="s">
        <v>196</v>
      </c>
      <c r="I66" s="9">
        <v>-11240457.109999999</v>
      </c>
    </row>
    <row r="67" spans="1:9" x14ac:dyDescent="0.25">
      <c r="A67" s="4" t="s">
        <v>197</v>
      </c>
      <c r="B67" s="6" t="s">
        <v>123</v>
      </c>
      <c r="C67" s="9">
        <v>0</v>
      </c>
      <c r="D67" s="9">
        <v>0</v>
      </c>
      <c r="E67" s="9">
        <v>0</v>
      </c>
      <c r="F67" s="9" t="s">
        <v>39</v>
      </c>
      <c r="G67" s="9">
        <v>0</v>
      </c>
      <c r="H67" s="9" t="s">
        <v>39</v>
      </c>
      <c r="I67" s="9">
        <v>0</v>
      </c>
    </row>
    <row r="68" spans="1:9" x14ac:dyDescent="0.25">
      <c r="A68" s="4" t="s">
        <v>198</v>
      </c>
      <c r="B68" s="6" t="s">
        <v>127</v>
      </c>
      <c r="C68" s="9">
        <v>700</v>
      </c>
      <c r="D68" s="9">
        <v>700</v>
      </c>
      <c r="E68" s="9">
        <v>0</v>
      </c>
      <c r="F68" s="9" t="s">
        <v>39</v>
      </c>
      <c r="G68" s="9">
        <v>0</v>
      </c>
      <c r="H68" s="9" t="s">
        <v>39</v>
      </c>
      <c r="I68" s="9">
        <v>700</v>
      </c>
    </row>
    <row r="69" spans="1:9" x14ac:dyDescent="0.25">
      <c r="A69" s="4" t="s">
        <v>199</v>
      </c>
      <c r="B69" s="6" t="s">
        <v>130</v>
      </c>
      <c r="C69" s="9">
        <v>115600</v>
      </c>
      <c r="D69" s="9">
        <v>115600</v>
      </c>
      <c r="E69" s="9">
        <v>0</v>
      </c>
      <c r="F69" s="9" t="s">
        <v>39</v>
      </c>
      <c r="G69" s="9">
        <v>0</v>
      </c>
      <c r="H69" s="9" t="s">
        <v>39</v>
      </c>
      <c r="I69" s="9">
        <v>115600</v>
      </c>
    </row>
    <row r="70" spans="1:9" x14ac:dyDescent="0.25">
      <c r="A70" s="4" t="s">
        <v>200</v>
      </c>
      <c r="B70" s="6" t="s">
        <v>132</v>
      </c>
      <c r="C70" s="9">
        <v>0</v>
      </c>
      <c r="D70" s="9">
        <v>0</v>
      </c>
      <c r="E70" s="9">
        <v>0</v>
      </c>
      <c r="F70" s="9" t="s">
        <v>39</v>
      </c>
      <c r="G70" s="9">
        <v>0</v>
      </c>
      <c r="H70" s="9" t="s">
        <v>39</v>
      </c>
      <c r="I70" s="9">
        <v>0</v>
      </c>
    </row>
    <row r="71" spans="1:9" x14ac:dyDescent="0.25">
      <c r="A71" s="5" t="s">
        <v>201</v>
      </c>
      <c r="B71" s="7" t="s">
        <v>202</v>
      </c>
      <c r="C71" s="8">
        <v>602217500</v>
      </c>
      <c r="D71" s="8">
        <v>602217500</v>
      </c>
      <c r="E71" s="8">
        <v>0</v>
      </c>
      <c r="F71" s="8" t="s">
        <v>39</v>
      </c>
      <c r="G71" s="8">
        <v>280782759.80000001</v>
      </c>
      <c r="H71" s="8" t="s">
        <v>203</v>
      </c>
      <c r="I71" s="8">
        <v>321434740.19999999</v>
      </c>
    </row>
    <row r="72" spans="1:9" x14ac:dyDescent="0.25">
      <c r="A72" s="4" t="s">
        <v>204</v>
      </c>
      <c r="B72" s="6" t="s">
        <v>205</v>
      </c>
      <c r="C72" s="9">
        <v>0</v>
      </c>
      <c r="D72" s="9">
        <v>0</v>
      </c>
      <c r="E72" s="9">
        <v>0</v>
      </c>
      <c r="F72" s="9" t="s">
        <v>39</v>
      </c>
      <c r="G72" s="9">
        <v>0</v>
      </c>
      <c r="H72" s="9" t="s">
        <v>39</v>
      </c>
      <c r="I72" s="9">
        <v>0</v>
      </c>
    </row>
    <row r="73" spans="1:9" x14ac:dyDescent="0.25">
      <c r="A73" s="4" t="s">
        <v>206</v>
      </c>
      <c r="B73" s="6" t="s">
        <v>207</v>
      </c>
      <c r="C73" s="9">
        <v>0</v>
      </c>
      <c r="D73" s="9">
        <v>0</v>
      </c>
      <c r="E73" s="9">
        <v>0</v>
      </c>
      <c r="F73" s="9" t="s">
        <v>39</v>
      </c>
      <c r="G73" s="9">
        <v>0</v>
      </c>
      <c r="H73" s="9" t="s">
        <v>39</v>
      </c>
      <c r="I73" s="9">
        <v>0</v>
      </c>
    </row>
    <row r="74" spans="1:9" x14ac:dyDescent="0.25">
      <c r="A74" s="4" t="s">
        <v>208</v>
      </c>
      <c r="B74" s="6" t="s">
        <v>209</v>
      </c>
      <c r="C74" s="9">
        <v>0</v>
      </c>
      <c r="D74" s="9">
        <v>0</v>
      </c>
      <c r="E74" s="9">
        <v>0</v>
      </c>
      <c r="F74" s="9" t="s">
        <v>39</v>
      </c>
      <c r="G74" s="9">
        <v>0</v>
      </c>
      <c r="H74" s="9" t="s">
        <v>39</v>
      </c>
      <c r="I74" s="9">
        <v>0</v>
      </c>
    </row>
    <row r="75" spans="1:9" x14ac:dyDescent="0.25">
      <c r="A75" s="4" t="s">
        <v>210</v>
      </c>
      <c r="B75" s="6" t="s">
        <v>211</v>
      </c>
      <c r="C75" s="9">
        <v>602217500</v>
      </c>
      <c r="D75" s="9">
        <v>602217500</v>
      </c>
      <c r="E75" s="9">
        <v>0</v>
      </c>
      <c r="F75" s="9" t="s">
        <v>39</v>
      </c>
      <c r="G75" s="9">
        <v>280782759.80000001</v>
      </c>
      <c r="H75" s="9" t="s">
        <v>203</v>
      </c>
      <c r="I75" s="9">
        <v>321434740.19999999</v>
      </c>
    </row>
    <row r="76" spans="1:9" x14ac:dyDescent="0.25">
      <c r="A76" s="4" t="s">
        <v>212</v>
      </c>
      <c r="B76" s="6" t="s">
        <v>213</v>
      </c>
      <c r="C76" s="9">
        <v>1294955200</v>
      </c>
      <c r="D76" s="9">
        <v>3408213973</v>
      </c>
      <c r="E76" s="9">
        <v>445143616.88999999</v>
      </c>
      <c r="F76" s="9" t="s">
        <v>214</v>
      </c>
      <c r="G76" s="9">
        <v>2293577566.46</v>
      </c>
      <c r="H76" s="9" t="s">
        <v>215</v>
      </c>
      <c r="I76" s="9">
        <v>1114636406.54</v>
      </c>
    </row>
    <row r="77" spans="1:9" x14ac:dyDescent="0.25">
      <c r="A77" s="5" t="s">
        <v>216</v>
      </c>
      <c r="B77" s="7" t="s">
        <v>217</v>
      </c>
      <c r="C77" s="8">
        <v>14497314000</v>
      </c>
      <c r="D77" s="8">
        <v>18125638230</v>
      </c>
      <c r="E77" s="8">
        <v>2722522244.52</v>
      </c>
      <c r="F77" s="8" t="s">
        <v>218</v>
      </c>
      <c r="G77" s="8">
        <v>14923502296.309999</v>
      </c>
      <c r="H77" s="8" t="s">
        <v>219</v>
      </c>
      <c r="I77" s="8">
        <v>3202135933.6900001</v>
      </c>
    </row>
    <row r="78" spans="1:9" x14ac:dyDescent="0.25">
      <c r="A78" s="5" t="s">
        <v>220</v>
      </c>
      <c r="B78" s="7" t="s">
        <v>221</v>
      </c>
      <c r="C78" s="8">
        <v>0</v>
      </c>
      <c r="D78" s="8">
        <v>0</v>
      </c>
      <c r="E78" s="8">
        <v>0</v>
      </c>
      <c r="F78" s="8" t="s">
        <v>39</v>
      </c>
      <c r="G78" s="8">
        <v>0</v>
      </c>
      <c r="H78" s="8" t="s">
        <v>39</v>
      </c>
      <c r="I78" s="8">
        <v>0</v>
      </c>
    </row>
    <row r="79" spans="1:9" x14ac:dyDescent="0.25">
      <c r="A79" s="5" t="s">
        <v>222</v>
      </c>
      <c r="B79" s="7" t="s">
        <v>223</v>
      </c>
      <c r="C79" s="8">
        <v>0</v>
      </c>
      <c r="D79" s="8">
        <v>0</v>
      </c>
      <c r="E79" s="8">
        <v>0</v>
      </c>
      <c r="F79" s="8" t="s">
        <v>39</v>
      </c>
      <c r="G79" s="8">
        <v>0</v>
      </c>
      <c r="H79" s="8" t="s">
        <v>39</v>
      </c>
      <c r="I79" s="8">
        <v>0</v>
      </c>
    </row>
    <row r="80" spans="1:9" x14ac:dyDescent="0.25">
      <c r="A80" s="4" t="s">
        <v>224</v>
      </c>
      <c r="B80" s="6" t="s">
        <v>225</v>
      </c>
      <c r="C80" s="9">
        <v>0</v>
      </c>
      <c r="D80" s="9">
        <v>0</v>
      </c>
      <c r="E80" s="9">
        <v>0</v>
      </c>
      <c r="F80" s="9" t="s">
        <v>39</v>
      </c>
      <c r="G80" s="9">
        <v>0</v>
      </c>
      <c r="H80" s="9" t="s">
        <v>39</v>
      </c>
      <c r="I80" s="9">
        <v>0</v>
      </c>
    </row>
    <row r="81" spans="1:12" x14ac:dyDescent="0.25">
      <c r="A81" s="4" t="s">
        <v>226</v>
      </c>
      <c r="B81" s="6" t="s">
        <v>227</v>
      </c>
      <c r="C81" s="9">
        <v>0</v>
      </c>
      <c r="D81" s="9">
        <v>0</v>
      </c>
      <c r="E81" s="9">
        <v>0</v>
      </c>
      <c r="F81" s="9" t="s">
        <v>39</v>
      </c>
      <c r="G81" s="9">
        <v>0</v>
      </c>
      <c r="H81" s="9" t="s">
        <v>39</v>
      </c>
      <c r="I81" s="9">
        <v>0</v>
      </c>
    </row>
    <row r="82" spans="1:12" x14ac:dyDescent="0.25">
      <c r="A82" s="5" t="s">
        <v>228</v>
      </c>
      <c r="B82" s="7" t="s">
        <v>229</v>
      </c>
      <c r="C82" s="8">
        <v>0</v>
      </c>
      <c r="D82" s="8">
        <v>0</v>
      </c>
      <c r="E82" s="8">
        <v>0</v>
      </c>
      <c r="F82" s="8" t="s">
        <v>39</v>
      </c>
      <c r="G82" s="8">
        <v>0</v>
      </c>
      <c r="H82" s="8" t="s">
        <v>39</v>
      </c>
      <c r="I82" s="8">
        <v>0</v>
      </c>
    </row>
    <row r="83" spans="1:12" x14ac:dyDescent="0.25">
      <c r="A83" s="4" t="s">
        <v>230</v>
      </c>
      <c r="B83" s="6" t="s">
        <v>225</v>
      </c>
      <c r="C83" s="9">
        <v>0</v>
      </c>
      <c r="D83" s="9">
        <v>0</v>
      </c>
      <c r="E83" s="9">
        <v>0</v>
      </c>
      <c r="F83" s="9" t="s">
        <v>39</v>
      </c>
      <c r="G83" s="9">
        <v>0</v>
      </c>
      <c r="H83" s="9" t="s">
        <v>39</v>
      </c>
      <c r="I83" s="9">
        <v>0</v>
      </c>
    </row>
    <row r="84" spans="1:12" x14ac:dyDescent="0.25">
      <c r="A84" s="4" t="s">
        <v>231</v>
      </c>
      <c r="B84" s="6" t="s">
        <v>227</v>
      </c>
      <c r="C84" s="9">
        <v>0</v>
      </c>
      <c r="D84" s="9">
        <v>0</v>
      </c>
      <c r="E84" s="9">
        <v>0</v>
      </c>
      <c r="F84" s="9" t="s">
        <v>39</v>
      </c>
      <c r="G84" s="9">
        <v>0</v>
      </c>
      <c r="H84" s="9" t="s">
        <v>39</v>
      </c>
      <c r="I84" s="9">
        <v>0</v>
      </c>
    </row>
    <row r="85" spans="1:12" x14ac:dyDescent="0.25">
      <c r="A85" s="5" t="s">
        <v>232</v>
      </c>
      <c r="B85" s="7" t="s">
        <v>233</v>
      </c>
      <c r="C85" s="8">
        <v>14497314000</v>
      </c>
      <c r="D85" s="8">
        <v>18125638230</v>
      </c>
      <c r="E85" s="8">
        <v>2722522244.52</v>
      </c>
      <c r="F85" s="8" t="s">
        <v>218</v>
      </c>
      <c r="G85" s="8">
        <v>14923502296.309999</v>
      </c>
      <c r="H85" s="8" t="s">
        <v>219</v>
      </c>
      <c r="I85" s="8">
        <v>3202135933.6900001</v>
      </c>
    </row>
    <row r="86" spans="1:12" x14ac:dyDescent="0.25">
      <c r="A86" s="4" t="s">
        <v>234</v>
      </c>
      <c r="B86" s="6" t="s">
        <v>235</v>
      </c>
      <c r="C86" s="9">
        <v>0</v>
      </c>
      <c r="D86" s="9">
        <v>0</v>
      </c>
      <c r="E86" s="9">
        <v>0</v>
      </c>
      <c r="F86" s="9" t="s">
        <v>39</v>
      </c>
      <c r="G86" s="9">
        <v>0</v>
      </c>
      <c r="H86" s="9" t="s">
        <v>39</v>
      </c>
      <c r="I86" s="9">
        <v>0</v>
      </c>
    </row>
    <row r="87" spans="1:12" x14ac:dyDescent="0.25">
      <c r="A87" s="5" t="s">
        <v>236</v>
      </c>
      <c r="B87" s="7" t="s">
        <v>237</v>
      </c>
      <c r="C87" s="8">
        <v>14497314000</v>
      </c>
      <c r="D87" s="8">
        <v>18125638230</v>
      </c>
      <c r="E87" s="8">
        <v>2722522244.52</v>
      </c>
      <c r="F87" s="8" t="s">
        <v>218</v>
      </c>
      <c r="G87" s="8">
        <v>14923502296.309999</v>
      </c>
      <c r="H87" s="8" t="s">
        <v>219</v>
      </c>
      <c r="I87" s="8">
        <v>3202135933.6900001</v>
      </c>
    </row>
    <row r="88" spans="1:12" x14ac:dyDescent="0.25">
      <c r="A88" s="5" t="s">
        <v>238</v>
      </c>
      <c r="B88" s="7" t="s">
        <v>239</v>
      </c>
      <c r="C88" s="8">
        <v>0</v>
      </c>
      <c r="D88" s="8">
        <v>185279289</v>
      </c>
      <c r="E88" s="8">
        <v>0</v>
      </c>
      <c r="F88" s="8" t="s">
        <v>39</v>
      </c>
      <c r="G88" s="8">
        <v>185279289</v>
      </c>
      <c r="H88" s="8" t="s">
        <v>240</v>
      </c>
      <c r="I88" s="8">
        <v>0</v>
      </c>
    </row>
    <row r="89" spans="1:12" x14ac:dyDescent="0.25">
      <c r="A89" s="4" t="s">
        <v>241</v>
      </c>
      <c r="B89" s="6" t="s">
        <v>242</v>
      </c>
      <c r="C89" s="9">
        <v>0</v>
      </c>
      <c r="D89" s="9">
        <v>0</v>
      </c>
      <c r="E89" s="9">
        <v>0</v>
      </c>
      <c r="F89" s="9" t="s">
        <v>39</v>
      </c>
      <c r="G89" s="9">
        <v>0</v>
      </c>
      <c r="H89" s="9" t="s">
        <v>39</v>
      </c>
      <c r="I89" s="9">
        <v>0</v>
      </c>
    </row>
    <row r="90" spans="1:12" x14ac:dyDescent="0.25">
      <c r="A90" s="4" t="s">
        <v>243</v>
      </c>
      <c r="B90" s="6" t="s">
        <v>244</v>
      </c>
      <c r="C90" s="9">
        <v>0</v>
      </c>
      <c r="D90" s="9">
        <v>185279289</v>
      </c>
      <c r="E90" s="9">
        <v>0</v>
      </c>
      <c r="F90" s="9" t="s">
        <v>39</v>
      </c>
      <c r="G90" s="9">
        <v>185279289</v>
      </c>
      <c r="H90" s="9" t="s">
        <v>240</v>
      </c>
      <c r="I90" s="9">
        <v>0</v>
      </c>
    </row>
    <row r="91" spans="1:12" x14ac:dyDescent="0.25">
      <c r="A91" s="4" t="s">
        <v>245</v>
      </c>
      <c r="B91" s="6" t="s">
        <v>246</v>
      </c>
      <c r="C91" s="9">
        <v>0</v>
      </c>
      <c r="D91" s="9">
        <v>0</v>
      </c>
      <c r="E91" s="9">
        <v>0</v>
      </c>
      <c r="F91" s="9" t="s">
        <v>39</v>
      </c>
      <c r="G91" s="9">
        <v>0</v>
      </c>
      <c r="H91" s="9" t="s">
        <v>39</v>
      </c>
      <c r="I91" s="9">
        <v>0</v>
      </c>
    </row>
    <row r="93" spans="1:12" x14ac:dyDescent="0.25">
      <c r="A93" s="14" t="s">
        <v>6</v>
      </c>
      <c r="B93" s="14" t="s">
        <v>247</v>
      </c>
      <c r="C93" s="14" t="s">
        <v>248</v>
      </c>
      <c r="D93" s="14" t="s">
        <v>249</v>
      </c>
      <c r="E93" s="14" t="s">
        <v>250</v>
      </c>
      <c r="F93" s="14" t="s">
        <v>7</v>
      </c>
      <c r="G93" s="14" t="s">
        <v>253</v>
      </c>
      <c r="H93" s="14" t="s">
        <v>254</v>
      </c>
      <c r="I93" s="14" t="s">
        <v>7</v>
      </c>
      <c r="J93" s="14" t="s">
        <v>257</v>
      </c>
      <c r="K93" s="14" t="s">
        <v>258</v>
      </c>
      <c r="L93" s="14" t="s">
        <v>259</v>
      </c>
    </row>
    <row r="94" spans="1:12" x14ac:dyDescent="0.25">
      <c r="A94" s="14" t="s">
        <v>7</v>
      </c>
      <c r="B94" s="14" t="s">
        <v>7</v>
      </c>
      <c r="C94" s="14" t="s">
        <v>7</v>
      </c>
      <c r="D94" s="14" t="s">
        <v>7</v>
      </c>
      <c r="E94" s="1" t="s">
        <v>251</v>
      </c>
      <c r="F94" s="1" t="s">
        <v>252</v>
      </c>
      <c r="G94" s="14" t="s">
        <v>7</v>
      </c>
      <c r="H94" s="1" t="s">
        <v>255</v>
      </c>
      <c r="I94" s="1" t="s">
        <v>256</v>
      </c>
      <c r="J94" s="14" t="s">
        <v>7</v>
      </c>
      <c r="K94" s="14" t="s">
        <v>7</v>
      </c>
      <c r="L94" s="14" t="s">
        <v>7</v>
      </c>
    </row>
    <row r="95" spans="1:12" x14ac:dyDescent="0.25">
      <c r="A95" s="5" t="s">
        <v>260</v>
      </c>
      <c r="B95" s="7" t="s">
        <v>261</v>
      </c>
      <c r="C95" s="8">
        <v>12485458900</v>
      </c>
      <c r="D95" s="8">
        <v>16103942048.809999</v>
      </c>
      <c r="E95" s="8">
        <v>1764154745.25</v>
      </c>
      <c r="F95" s="8">
        <v>12704495823.950001</v>
      </c>
      <c r="G95" s="8">
        <v>3399446224.8600001</v>
      </c>
      <c r="H95" s="8">
        <v>1964900782.1900001</v>
      </c>
      <c r="I95" s="8">
        <v>11982211348.120001</v>
      </c>
      <c r="J95" s="8">
        <v>4121730700.6900001</v>
      </c>
      <c r="K95" s="8">
        <v>11779248195.290001</v>
      </c>
      <c r="L95" s="8">
        <v>722284475.83000004</v>
      </c>
    </row>
    <row r="96" spans="1:12" x14ac:dyDescent="0.25">
      <c r="A96" s="5" t="s">
        <v>263</v>
      </c>
      <c r="B96" s="7" t="s">
        <v>264</v>
      </c>
      <c r="C96" s="8">
        <v>10633023100</v>
      </c>
      <c r="D96" s="8">
        <v>13826941750.610001</v>
      </c>
      <c r="E96" s="8">
        <v>1805721140.9400001</v>
      </c>
      <c r="F96" s="8">
        <v>11099134556.549999</v>
      </c>
      <c r="G96" s="8">
        <v>2727807194.0599999</v>
      </c>
      <c r="H96" s="8">
        <v>1779142645.29</v>
      </c>
      <c r="I96" s="8">
        <v>10522166984.02</v>
      </c>
      <c r="J96" s="8">
        <v>3304774766.5900002</v>
      </c>
      <c r="K96" s="8">
        <v>10332953723.16</v>
      </c>
      <c r="L96" s="8">
        <v>576967572.52999997</v>
      </c>
    </row>
    <row r="97" spans="1:12" x14ac:dyDescent="0.25">
      <c r="A97" s="4" t="s">
        <v>265</v>
      </c>
      <c r="B97" s="6" t="s">
        <v>266</v>
      </c>
      <c r="C97" s="9">
        <v>6869269300</v>
      </c>
      <c r="D97" s="9">
        <v>9845138514.9099998</v>
      </c>
      <c r="E97" s="9">
        <v>1465756643.3199999</v>
      </c>
      <c r="F97" s="9">
        <v>7905806261.71</v>
      </c>
      <c r="G97" s="9">
        <v>1939332253.2</v>
      </c>
      <c r="H97" s="9">
        <v>1341548533.3900001</v>
      </c>
      <c r="I97" s="9">
        <v>7562113426.7399998</v>
      </c>
      <c r="J97" s="9">
        <v>2283025088.1700001</v>
      </c>
      <c r="K97" s="9">
        <v>7460121048.5699997</v>
      </c>
      <c r="L97" s="9">
        <v>343692834.97000003</v>
      </c>
    </row>
    <row r="98" spans="1:12" x14ac:dyDescent="0.25">
      <c r="A98" s="4" t="s">
        <v>267</v>
      </c>
      <c r="B98" s="6" t="s">
        <v>268</v>
      </c>
      <c r="C98" s="9">
        <v>371645100</v>
      </c>
      <c r="D98" s="9">
        <v>389186565</v>
      </c>
      <c r="E98" s="9">
        <v>56207981.539999999</v>
      </c>
      <c r="F98" s="9">
        <v>336980688.60000002</v>
      </c>
      <c r="G98" s="9">
        <v>52205876.399999999</v>
      </c>
      <c r="H98" s="9">
        <v>57420632.009999998</v>
      </c>
      <c r="I98" s="9">
        <v>336980688.60000002</v>
      </c>
      <c r="J98" s="9">
        <v>52205876.399999999</v>
      </c>
      <c r="K98" s="9">
        <v>336980688.60000002</v>
      </c>
      <c r="L98" s="9">
        <v>0</v>
      </c>
    </row>
    <row r="99" spans="1:12" x14ac:dyDescent="0.25">
      <c r="A99" s="5" t="s">
        <v>269</v>
      </c>
      <c r="B99" s="7" t="s">
        <v>270</v>
      </c>
      <c r="C99" s="8">
        <v>3392108700</v>
      </c>
      <c r="D99" s="8">
        <v>3592616670.6999998</v>
      </c>
      <c r="E99" s="8">
        <v>283756516.07999998</v>
      </c>
      <c r="F99" s="8">
        <v>2856347606.2399998</v>
      </c>
      <c r="G99" s="8">
        <v>736269064.46000004</v>
      </c>
      <c r="H99" s="8">
        <v>380173479.88999999</v>
      </c>
      <c r="I99" s="8">
        <v>2623072868.6799998</v>
      </c>
      <c r="J99" s="8">
        <v>969543802.01999998</v>
      </c>
      <c r="K99" s="8">
        <v>2535851985.9899998</v>
      </c>
      <c r="L99" s="8">
        <v>233274737.56</v>
      </c>
    </row>
    <row r="100" spans="1:12" x14ac:dyDescent="0.25">
      <c r="A100" s="4" t="s">
        <v>271</v>
      </c>
      <c r="B100" s="6" t="s">
        <v>272</v>
      </c>
      <c r="C100" s="9">
        <v>138000000</v>
      </c>
      <c r="D100" s="9">
        <v>168000000</v>
      </c>
      <c r="E100" s="9">
        <v>-14000000</v>
      </c>
      <c r="F100" s="9">
        <v>154000000</v>
      </c>
      <c r="G100" s="9">
        <v>14000000</v>
      </c>
      <c r="H100" s="9">
        <v>14000000</v>
      </c>
      <c r="I100" s="9">
        <v>154000000</v>
      </c>
      <c r="J100" s="9">
        <v>14000000</v>
      </c>
      <c r="K100" s="9">
        <v>154000000</v>
      </c>
      <c r="L100" s="9">
        <v>0</v>
      </c>
    </row>
    <row r="101" spans="1:12" x14ac:dyDescent="0.25">
      <c r="A101" s="4" t="s">
        <v>273</v>
      </c>
      <c r="B101" s="6" t="s">
        <v>274</v>
      </c>
      <c r="C101" s="9">
        <v>3254108700</v>
      </c>
      <c r="D101" s="9">
        <v>3424616670.6999998</v>
      </c>
      <c r="E101" s="9">
        <v>297756516.07999998</v>
      </c>
      <c r="F101" s="9">
        <v>2702347606.2399998</v>
      </c>
      <c r="G101" s="9">
        <v>722269064.46000004</v>
      </c>
      <c r="H101" s="9">
        <v>366173479.88999999</v>
      </c>
      <c r="I101" s="9">
        <v>2469072868.6799998</v>
      </c>
      <c r="J101" s="9">
        <v>955543802.01999998</v>
      </c>
      <c r="K101" s="9">
        <v>2381851985.9899998</v>
      </c>
      <c r="L101" s="9">
        <v>233274737.56</v>
      </c>
    </row>
    <row r="102" spans="1:12" x14ac:dyDescent="0.25">
      <c r="A102" s="5" t="s">
        <v>275</v>
      </c>
      <c r="B102" s="7" t="s">
        <v>276</v>
      </c>
      <c r="C102" s="8">
        <v>1736518200</v>
      </c>
      <c r="D102" s="8">
        <v>2277000298.1999998</v>
      </c>
      <c r="E102" s="8">
        <v>-41566395.689999998</v>
      </c>
      <c r="F102" s="8">
        <v>1605361267.4000001</v>
      </c>
      <c r="G102" s="8">
        <v>671639030.79999995</v>
      </c>
      <c r="H102" s="8">
        <v>185758136.90000001</v>
      </c>
      <c r="I102" s="8">
        <v>1460044364.0999999</v>
      </c>
      <c r="J102" s="8">
        <v>816955934.10000002</v>
      </c>
      <c r="K102" s="8">
        <v>1446294472.1300001</v>
      </c>
      <c r="L102" s="8">
        <v>145316903.30000001</v>
      </c>
    </row>
    <row r="103" spans="1:12" x14ac:dyDescent="0.25">
      <c r="A103" s="4" t="s">
        <v>277</v>
      </c>
      <c r="B103" s="6" t="s">
        <v>278</v>
      </c>
      <c r="C103" s="9">
        <v>1428253100</v>
      </c>
      <c r="D103" s="9">
        <v>1942184917.2</v>
      </c>
      <c r="E103" s="9">
        <v>-80151778.909999996</v>
      </c>
      <c r="F103" s="9">
        <v>1328418073.3699999</v>
      </c>
      <c r="G103" s="9">
        <v>613766843.83000004</v>
      </c>
      <c r="H103" s="9">
        <v>145526263.34</v>
      </c>
      <c r="I103" s="9">
        <v>1183101170.0699999</v>
      </c>
      <c r="J103" s="9">
        <v>759083747.13</v>
      </c>
      <c r="K103" s="9">
        <v>1169351278.0999999</v>
      </c>
      <c r="L103" s="9">
        <v>145316903.30000001</v>
      </c>
    </row>
    <row r="104" spans="1:12" x14ac:dyDescent="0.25">
      <c r="A104" s="4" t="s">
        <v>279</v>
      </c>
      <c r="B104" s="6" t="s">
        <v>280</v>
      </c>
      <c r="C104" s="9">
        <v>1166500</v>
      </c>
      <c r="D104" s="9">
        <v>2216500</v>
      </c>
      <c r="E104" s="9">
        <v>-1047125</v>
      </c>
      <c r="F104" s="9">
        <v>0</v>
      </c>
      <c r="G104" s="9">
        <v>2216500</v>
      </c>
      <c r="H104" s="9">
        <v>0</v>
      </c>
      <c r="I104" s="9">
        <v>0</v>
      </c>
      <c r="J104" s="9">
        <v>2216500</v>
      </c>
      <c r="K104" s="9">
        <v>0</v>
      </c>
      <c r="L104" s="9">
        <v>0</v>
      </c>
    </row>
    <row r="105" spans="1:12" x14ac:dyDescent="0.25">
      <c r="A105" s="4" t="s">
        <v>281</v>
      </c>
      <c r="B105" s="6" t="s">
        <v>282</v>
      </c>
      <c r="C105" s="9">
        <v>307098600</v>
      </c>
      <c r="D105" s="9">
        <v>332598881</v>
      </c>
      <c r="E105" s="9">
        <v>39632508.219999999</v>
      </c>
      <c r="F105" s="9">
        <v>276943194.02999997</v>
      </c>
      <c r="G105" s="9">
        <v>55655686.969999999</v>
      </c>
      <c r="H105" s="9">
        <v>40231873.560000002</v>
      </c>
      <c r="I105" s="9">
        <v>276943194.02999997</v>
      </c>
      <c r="J105" s="9">
        <v>55655686.969999999</v>
      </c>
      <c r="K105" s="9">
        <v>276943194.02999997</v>
      </c>
      <c r="L105" s="9">
        <v>0</v>
      </c>
    </row>
    <row r="106" spans="1:12" x14ac:dyDescent="0.25">
      <c r="A106" s="4" t="s">
        <v>283</v>
      </c>
      <c r="B106" s="6" t="s">
        <v>284</v>
      </c>
      <c r="C106" s="9">
        <v>115917600</v>
      </c>
      <c r="D106" s="9">
        <v>0</v>
      </c>
      <c r="E106" s="9">
        <v>0</v>
      </c>
      <c r="F106" s="9">
        <v>0</v>
      </c>
      <c r="G106" s="9">
        <v>0</v>
      </c>
      <c r="H106" s="9">
        <v>0</v>
      </c>
      <c r="I106" s="9">
        <v>0</v>
      </c>
      <c r="J106" s="9">
        <v>0</v>
      </c>
      <c r="K106" s="9">
        <v>0</v>
      </c>
      <c r="L106" s="9">
        <v>0</v>
      </c>
    </row>
    <row r="107" spans="1:12" x14ac:dyDescent="0.25">
      <c r="A107" s="4" t="s">
        <v>285</v>
      </c>
      <c r="B107" s="6" t="s">
        <v>286</v>
      </c>
      <c r="C107" s="9">
        <v>1861882800</v>
      </c>
      <c r="D107" s="9">
        <v>2206422270.1900001</v>
      </c>
      <c r="E107" s="9">
        <v>351997096.32999998</v>
      </c>
      <c r="F107" s="9">
        <v>2016234975.78</v>
      </c>
      <c r="G107" s="9">
        <v>190187294.41</v>
      </c>
      <c r="H107" s="9">
        <v>413004053.19999999</v>
      </c>
      <c r="I107" s="9">
        <v>2016233255.02</v>
      </c>
      <c r="J107" s="9">
        <v>190189015.16999999</v>
      </c>
      <c r="K107" s="9">
        <v>1942822450.21</v>
      </c>
      <c r="L107" s="9">
        <v>1720.76</v>
      </c>
    </row>
    <row r="108" spans="1:12" x14ac:dyDescent="0.25">
      <c r="A108" s="5" t="s">
        <v>288</v>
      </c>
      <c r="B108" s="7" t="s">
        <v>289</v>
      </c>
      <c r="C108" s="8">
        <v>14347341700</v>
      </c>
      <c r="D108" s="8">
        <v>18310364319</v>
      </c>
      <c r="E108" s="8">
        <v>2116151841.5799999</v>
      </c>
      <c r="F108" s="8">
        <v>14720730799.73</v>
      </c>
      <c r="G108" s="8">
        <v>3589633519.27</v>
      </c>
      <c r="H108" s="8">
        <v>2377904835.3899999</v>
      </c>
      <c r="I108" s="8">
        <v>13998444603.139999</v>
      </c>
      <c r="J108" s="8">
        <v>4311919715.8599997</v>
      </c>
      <c r="K108" s="8">
        <v>13722070645.5</v>
      </c>
      <c r="L108" s="8">
        <v>722286196.59000003</v>
      </c>
    </row>
    <row r="109" spans="1:12" x14ac:dyDescent="0.25">
      <c r="A109" s="5" t="s">
        <v>290</v>
      </c>
      <c r="B109" s="7" t="s">
        <v>291</v>
      </c>
      <c r="C109" s="8">
        <v>0</v>
      </c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  <c r="L109" s="8">
        <v>0</v>
      </c>
    </row>
    <row r="110" spans="1:12" x14ac:dyDescent="0.25">
      <c r="A110" s="5" t="s">
        <v>292</v>
      </c>
      <c r="B110" s="7" t="s">
        <v>293</v>
      </c>
      <c r="C110" s="8">
        <v>0</v>
      </c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  <c r="K110" s="8">
        <v>0</v>
      </c>
      <c r="L110" s="8">
        <v>0</v>
      </c>
    </row>
    <row r="111" spans="1:12" x14ac:dyDescent="0.25">
      <c r="A111" s="4" t="s">
        <v>294</v>
      </c>
      <c r="B111" s="6" t="s">
        <v>295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  <c r="L111" s="9">
        <v>0</v>
      </c>
    </row>
    <row r="112" spans="1:12" x14ac:dyDescent="0.25">
      <c r="A112" s="4" t="s">
        <v>296</v>
      </c>
      <c r="B112" s="6" t="s">
        <v>297</v>
      </c>
      <c r="C112" s="9">
        <v>0</v>
      </c>
      <c r="D112" s="9">
        <v>0</v>
      </c>
      <c r="E112" s="9">
        <v>0</v>
      </c>
      <c r="F112" s="9">
        <v>0</v>
      </c>
      <c r="G112" s="9">
        <v>0</v>
      </c>
      <c r="H112" s="9">
        <v>0</v>
      </c>
      <c r="I112" s="9">
        <v>0</v>
      </c>
      <c r="J112" s="9">
        <v>0</v>
      </c>
      <c r="K112" s="9">
        <v>0</v>
      </c>
      <c r="L112" s="9">
        <v>0</v>
      </c>
    </row>
    <row r="113" spans="1:12" x14ac:dyDescent="0.25">
      <c r="A113" s="5" t="s">
        <v>298</v>
      </c>
      <c r="B113" s="7" t="s">
        <v>299</v>
      </c>
      <c r="C113" s="8">
        <v>0</v>
      </c>
      <c r="D113" s="8">
        <v>0</v>
      </c>
      <c r="E113" s="8">
        <v>0</v>
      </c>
      <c r="F113" s="8">
        <v>0</v>
      </c>
      <c r="G113" s="8">
        <v>0</v>
      </c>
      <c r="H113" s="8">
        <v>0</v>
      </c>
      <c r="I113" s="8">
        <v>0</v>
      </c>
      <c r="J113" s="8">
        <v>0</v>
      </c>
      <c r="K113" s="8">
        <v>0</v>
      </c>
      <c r="L113" s="8">
        <v>0</v>
      </c>
    </row>
    <row r="114" spans="1:12" x14ac:dyDescent="0.25">
      <c r="A114" s="4" t="s">
        <v>300</v>
      </c>
      <c r="B114" s="6" t="s">
        <v>295</v>
      </c>
      <c r="C114" s="9">
        <v>0</v>
      </c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  <c r="L114" s="9">
        <v>0</v>
      </c>
    </row>
    <row r="115" spans="1:12" x14ac:dyDescent="0.25">
      <c r="A115" s="4" t="s">
        <v>301</v>
      </c>
      <c r="B115" s="6" t="s">
        <v>297</v>
      </c>
      <c r="C115" s="9">
        <v>0</v>
      </c>
      <c r="D115" s="9">
        <v>0</v>
      </c>
      <c r="E115" s="9">
        <v>0</v>
      </c>
      <c r="F115" s="9">
        <v>0</v>
      </c>
      <c r="G115" s="9">
        <v>0</v>
      </c>
      <c r="H115" s="9">
        <v>0</v>
      </c>
      <c r="I115" s="9">
        <v>0</v>
      </c>
      <c r="J115" s="9">
        <v>0</v>
      </c>
      <c r="K115" s="9">
        <v>0</v>
      </c>
      <c r="L115" s="9">
        <v>0</v>
      </c>
    </row>
    <row r="116" spans="1:12" x14ac:dyDescent="0.25">
      <c r="A116" s="5" t="s">
        <v>302</v>
      </c>
      <c r="B116" s="7" t="s">
        <v>303</v>
      </c>
      <c r="C116" s="8">
        <v>14347341700</v>
      </c>
      <c r="D116" s="8">
        <v>18310364319</v>
      </c>
      <c r="E116" s="8">
        <v>2116151841.5799999</v>
      </c>
      <c r="F116" s="8">
        <v>14720730799.73</v>
      </c>
      <c r="G116" s="8">
        <v>3589633519.27</v>
      </c>
      <c r="H116" s="8">
        <v>2377904835.3899999</v>
      </c>
      <c r="I116" s="8">
        <v>13998444603.139999</v>
      </c>
      <c r="J116" s="8">
        <v>4311919715.8599997</v>
      </c>
      <c r="K116" s="8">
        <v>13722070645.5</v>
      </c>
      <c r="L116" s="8">
        <v>722286196.59000003</v>
      </c>
    </row>
    <row r="117" spans="1:12" x14ac:dyDescent="0.25">
      <c r="A117" s="4" t="s">
        <v>304</v>
      </c>
      <c r="B117" s="6" t="s">
        <v>305</v>
      </c>
      <c r="C117" s="9">
        <v>0</v>
      </c>
      <c r="D117" s="9">
        <v>0</v>
      </c>
      <c r="E117" s="9">
        <v>0</v>
      </c>
      <c r="F117" s="9">
        <v>202771496.58000001</v>
      </c>
      <c r="G117" s="9">
        <v>0</v>
      </c>
      <c r="H117" s="9">
        <v>0</v>
      </c>
      <c r="I117" s="9">
        <v>925057693.16999996</v>
      </c>
      <c r="J117" s="9">
        <v>0</v>
      </c>
      <c r="K117" s="9">
        <v>1201431650.8099999</v>
      </c>
      <c r="L117" s="9">
        <v>0</v>
      </c>
    </row>
    <row r="118" spans="1:12" x14ac:dyDescent="0.25">
      <c r="A118" s="5" t="s">
        <v>306</v>
      </c>
      <c r="B118" s="7" t="s">
        <v>307</v>
      </c>
      <c r="C118" s="8">
        <v>14347341700</v>
      </c>
      <c r="D118" s="8">
        <v>18310364319</v>
      </c>
      <c r="E118" s="8">
        <v>2116151841.5799999</v>
      </c>
      <c r="F118" s="8">
        <v>14923502296.309999</v>
      </c>
      <c r="G118" s="8">
        <v>3589633519.27</v>
      </c>
      <c r="H118" s="8">
        <v>2377904835.3899999</v>
      </c>
      <c r="I118" s="8">
        <v>14923502296.309999</v>
      </c>
      <c r="J118" s="8">
        <v>4311919715.8599997</v>
      </c>
      <c r="K118" s="8">
        <v>14923502296.309999</v>
      </c>
      <c r="L118" s="8">
        <v>722286196.59000003</v>
      </c>
    </row>
    <row r="119" spans="1:12" x14ac:dyDescent="0.25">
      <c r="A119" s="4" t="s">
        <v>308</v>
      </c>
      <c r="B119" s="6" t="s">
        <v>309</v>
      </c>
      <c r="C119" s="9">
        <v>149972300</v>
      </c>
      <c r="D119" s="9">
        <v>553200</v>
      </c>
      <c r="E119" s="9">
        <v>0</v>
      </c>
      <c r="F119" s="9">
        <v>0</v>
      </c>
      <c r="G119" s="9">
        <v>553200</v>
      </c>
      <c r="H119" s="9">
        <v>0</v>
      </c>
      <c r="I119" s="9">
        <v>0</v>
      </c>
      <c r="J119" s="9">
        <v>553200</v>
      </c>
      <c r="K119" s="9">
        <v>0</v>
      </c>
      <c r="L119" s="9">
        <v>0</v>
      </c>
    </row>
    <row r="121" spans="1:12" x14ac:dyDescent="0.25">
      <c r="A121" s="14" t="s">
        <v>6</v>
      </c>
      <c r="B121" s="14" t="s">
        <v>310</v>
      </c>
      <c r="C121" s="14" t="s">
        <v>9</v>
      </c>
      <c r="D121" s="14" t="s">
        <v>10</v>
      </c>
      <c r="E121" s="14" t="s">
        <v>11</v>
      </c>
      <c r="F121" s="14" t="s">
        <v>7</v>
      </c>
      <c r="G121" s="14" t="s">
        <v>7</v>
      </c>
      <c r="H121" s="14" t="s">
        <v>7</v>
      </c>
      <c r="I121" s="14" t="s">
        <v>16</v>
      </c>
    </row>
    <row r="122" spans="1:12" x14ac:dyDescent="0.25">
      <c r="A122" s="14" t="s">
        <v>7</v>
      </c>
      <c r="B122" s="14" t="s">
        <v>7</v>
      </c>
      <c r="C122" s="14" t="s">
        <v>7</v>
      </c>
      <c r="D122" s="14" t="s">
        <v>7</v>
      </c>
      <c r="E122" s="1" t="s">
        <v>12</v>
      </c>
      <c r="F122" s="1" t="s">
        <v>13</v>
      </c>
      <c r="G122" s="1" t="s">
        <v>14</v>
      </c>
      <c r="H122" s="1" t="s">
        <v>15</v>
      </c>
      <c r="I122" s="14" t="s">
        <v>7</v>
      </c>
    </row>
    <row r="123" spans="1:12" x14ac:dyDescent="0.25">
      <c r="A123" s="5" t="s">
        <v>311</v>
      </c>
      <c r="B123" s="7" t="s">
        <v>312</v>
      </c>
      <c r="C123" s="8">
        <v>1294955200</v>
      </c>
      <c r="D123" s="8">
        <v>3408213973</v>
      </c>
      <c r="E123" s="8">
        <v>445143616.88999999</v>
      </c>
      <c r="F123" s="8" t="s">
        <v>214</v>
      </c>
      <c r="G123" s="8">
        <v>2293577566.46</v>
      </c>
      <c r="H123" s="8" t="s">
        <v>215</v>
      </c>
      <c r="I123" s="8">
        <v>1114636406.54</v>
      </c>
    </row>
    <row r="124" spans="1:12" x14ac:dyDescent="0.25">
      <c r="A124" s="5" t="s">
        <v>313</v>
      </c>
      <c r="B124" s="7" t="s">
        <v>314</v>
      </c>
      <c r="C124" s="8">
        <v>1294955200</v>
      </c>
      <c r="D124" s="8">
        <v>3408213973</v>
      </c>
      <c r="E124" s="8">
        <v>445143616.88999999</v>
      </c>
      <c r="F124" s="8" t="s">
        <v>214</v>
      </c>
      <c r="G124" s="8">
        <v>2293577566.46</v>
      </c>
      <c r="H124" s="8" t="s">
        <v>215</v>
      </c>
      <c r="I124" s="8">
        <v>1114636406.54</v>
      </c>
    </row>
    <row r="125" spans="1:12" x14ac:dyDescent="0.25">
      <c r="A125" s="5" t="s">
        <v>315</v>
      </c>
      <c r="B125" s="7" t="s">
        <v>316</v>
      </c>
      <c r="C125" s="8">
        <v>0</v>
      </c>
      <c r="D125" s="8">
        <v>0</v>
      </c>
      <c r="E125" s="8">
        <v>0</v>
      </c>
      <c r="F125" s="8" t="s">
        <v>39</v>
      </c>
      <c r="G125" s="8">
        <v>0</v>
      </c>
      <c r="H125" s="8" t="s">
        <v>39</v>
      </c>
      <c r="I125" s="8">
        <v>0</v>
      </c>
    </row>
    <row r="126" spans="1:12" x14ac:dyDescent="0.25">
      <c r="A126" s="4" t="s">
        <v>317</v>
      </c>
      <c r="B126" s="6" t="s">
        <v>318</v>
      </c>
      <c r="C126" s="9">
        <v>0</v>
      </c>
      <c r="D126" s="9">
        <v>0</v>
      </c>
      <c r="E126" s="9">
        <v>0</v>
      </c>
      <c r="F126" s="9" t="s">
        <v>39</v>
      </c>
      <c r="G126" s="9">
        <v>0</v>
      </c>
      <c r="H126" s="9" t="s">
        <v>39</v>
      </c>
      <c r="I126" s="9">
        <v>0</v>
      </c>
    </row>
    <row r="127" spans="1:12" x14ac:dyDescent="0.25">
      <c r="A127" s="4" t="s">
        <v>319</v>
      </c>
      <c r="B127" s="6" t="s">
        <v>320</v>
      </c>
      <c r="C127" s="9">
        <v>0</v>
      </c>
      <c r="D127" s="9">
        <v>0</v>
      </c>
      <c r="E127" s="9">
        <v>0</v>
      </c>
      <c r="F127" s="9" t="s">
        <v>39</v>
      </c>
      <c r="G127" s="9">
        <v>0</v>
      </c>
      <c r="H127" s="9" t="s">
        <v>39</v>
      </c>
      <c r="I127" s="9">
        <v>0</v>
      </c>
    </row>
    <row r="128" spans="1:12" x14ac:dyDescent="0.25">
      <c r="A128" s="4" t="s">
        <v>321</v>
      </c>
      <c r="B128" s="6" t="s">
        <v>322</v>
      </c>
      <c r="C128" s="9">
        <v>0</v>
      </c>
      <c r="D128" s="9">
        <v>0</v>
      </c>
      <c r="E128" s="9">
        <v>0</v>
      </c>
      <c r="F128" s="9" t="s">
        <v>39</v>
      </c>
      <c r="G128" s="9">
        <v>0</v>
      </c>
      <c r="H128" s="9" t="s">
        <v>39</v>
      </c>
      <c r="I128" s="9">
        <v>0</v>
      </c>
    </row>
    <row r="129" spans="1:9" x14ac:dyDescent="0.25">
      <c r="A129" s="5" t="s">
        <v>323</v>
      </c>
      <c r="B129" s="7" t="s">
        <v>324</v>
      </c>
      <c r="C129" s="8">
        <v>869947500</v>
      </c>
      <c r="D129" s="8">
        <v>2287432000</v>
      </c>
      <c r="E129" s="8">
        <v>339344791.06</v>
      </c>
      <c r="F129" s="8" t="s">
        <v>325</v>
      </c>
      <c r="G129" s="8">
        <v>1545495517.21</v>
      </c>
      <c r="H129" s="8" t="s">
        <v>326</v>
      </c>
      <c r="I129" s="8">
        <v>741936482.78999996</v>
      </c>
    </row>
    <row r="130" spans="1:9" x14ac:dyDescent="0.25">
      <c r="A130" s="4" t="s">
        <v>327</v>
      </c>
      <c r="B130" s="6" t="s">
        <v>328</v>
      </c>
      <c r="C130" s="9">
        <v>869947500</v>
      </c>
      <c r="D130" s="9">
        <v>2287432000</v>
      </c>
      <c r="E130" s="9">
        <v>339344791.06</v>
      </c>
      <c r="F130" s="9" t="s">
        <v>325</v>
      </c>
      <c r="G130" s="9">
        <v>1545495517.21</v>
      </c>
      <c r="H130" s="9" t="s">
        <v>326</v>
      </c>
      <c r="I130" s="9">
        <v>741936482.78999996</v>
      </c>
    </row>
    <row r="131" spans="1:9" x14ac:dyDescent="0.25">
      <c r="A131" s="4" t="s">
        <v>329</v>
      </c>
      <c r="B131" s="6" t="s">
        <v>330</v>
      </c>
      <c r="C131" s="9">
        <v>0</v>
      </c>
      <c r="D131" s="9">
        <v>0</v>
      </c>
      <c r="E131" s="9">
        <v>0</v>
      </c>
      <c r="F131" s="9" t="s">
        <v>39</v>
      </c>
      <c r="G131" s="9">
        <v>0</v>
      </c>
      <c r="H131" s="9" t="s">
        <v>39</v>
      </c>
      <c r="I131" s="9">
        <v>0</v>
      </c>
    </row>
    <row r="132" spans="1:9" x14ac:dyDescent="0.25">
      <c r="A132" s="4" t="s">
        <v>331</v>
      </c>
      <c r="B132" s="6" t="s">
        <v>332</v>
      </c>
      <c r="C132" s="9">
        <v>0</v>
      </c>
      <c r="D132" s="9">
        <v>0</v>
      </c>
      <c r="E132" s="9">
        <v>0</v>
      </c>
      <c r="F132" s="9" t="s">
        <v>39</v>
      </c>
      <c r="G132" s="9">
        <v>0</v>
      </c>
      <c r="H132" s="9" t="s">
        <v>39</v>
      </c>
      <c r="I132" s="9">
        <v>0</v>
      </c>
    </row>
    <row r="133" spans="1:9" x14ac:dyDescent="0.25">
      <c r="A133" s="4" t="s">
        <v>333</v>
      </c>
      <c r="B133" s="6" t="s">
        <v>334</v>
      </c>
      <c r="C133" s="9">
        <v>0</v>
      </c>
      <c r="D133" s="9">
        <v>0</v>
      </c>
      <c r="E133" s="9">
        <v>0</v>
      </c>
      <c r="F133" s="9" t="s">
        <v>39</v>
      </c>
      <c r="G133" s="9">
        <v>0</v>
      </c>
      <c r="H133" s="9" t="s">
        <v>39</v>
      </c>
      <c r="I133" s="9">
        <v>0</v>
      </c>
    </row>
    <row r="134" spans="1:9" x14ac:dyDescent="0.25">
      <c r="A134" s="5" t="s">
        <v>335</v>
      </c>
      <c r="B134" s="7" t="s">
        <v>336</v>
      </c>
      <c r="C134" s="8">
        <v>26000000</v>
      </c>
      <c r="D134" s="8">
        <v>26000000</v>
      </c>
      <c r="E134" s="8">
        <v>4324569.93</v>
      </c>
      <c r="F134" s="8" t="s">
        <v>337</v>
      </c>
      <c r="G134" s="8">
        <v>28233560.620000001</v>
      </c>
      <c r="H134" s="8" t="s">
        <v>338</v>
      </c>
      <c r="I134" s="8">
        <v>-2233560.62</v>
      </c>
    </row>
    <row r="135" spans="1:9" x14ac:dyDescent="0.25">
      <c r="A135" s="4" t="s">
        <v>339</v>
      </c>
      <c r="B135" s="6" t="s">
        <v>340</v>
      </c>
      <c r="C135" s="9">
        <v>0</v>
      </c>
      <c r="D135" s="9">
        <v>0</v>
      </c>
      <c r="E135" s="9">
        <v>3441.53</v>
      </c>
      <c r="F135" s="9" t="s">
        <v>39</v>
      </c>
      <c r="G135" s="9">
        <v>34606.42</v>
      </c>
      <c r="H135" s="9" t="s">
        <v>39</v>
      </c>
      <c r="I135" s="9">
        <v>-34606.42</v>
      </c>
    </row>
    <row r="136" spans="1:9" x14ac:dyDescent="0.25">
      <c r="A136" s="4" t="s">
        <v>341</v>
      </c>
      <c r="B136" s="6" t="s">
        <v>342</v>
      </c>
      <c r="C136" s="9">
        <v>0</v>
      </c>
      <c r="D136" s="9">
        <v>0</v>
      </c>
      <c r="E136" s="9">
        <v>0</v>
      </c>
      <c r="F136" s="9" t="s">
        <v>39</v>
      </c>
      <c r="G136" s="9">
        <v>0</v>
      </c>
      <c r="H136" s="9" t="s">
        <v>39</v>
      </c>
      <c r="I136" s="9">
        <v>0</v>
      </c>
    </row>
    <row r="137" spans="1:9" x14ac:dyDescent="0.25">
      <c r="A137" s="4" t="s">
        <v>343</v>
      </c>
      <c r="B137" s="6" t="s">
        <v>344</v>
      </c>
      <c r="C137" s="9">
        <v>0</v>
      </c>
      <c r="D137" s="9">
        <v>0</v>
      </c>
      <c r="E137" s="9">
        <v>0</v>
      </c>
      <c r="F137" s="9" t="s">
        <v>39</v>
      </c>
      <c r="G137" s="9">
        <v>0</v>
      </c>
      <c r="H137" s="9" t="s">
        <v>39</v>
      </c>
      <c r="I137" s="9">
        <v>0</v>
      </c>
    </row>
    <row r="138" spans="1:9" x14ac:dyDescent="0.25">
      <c r="A138" s="4" t="s">
        <v>345</v>
      </c>
      <c r="B138" s="6" t="s">
        <v>346</v>
      </c>
      <c r="C138" s="9">
        <v>0</v>
      </c>
      <c r="D138" s="9">
        <v>0</v>
      </c>
      <c r="E138" s="9">
        <v>0</v>
      </c>
      <c r="F138" s="9" t="s">
        <v>39</v>
      </c>
      <c r="G138" s="9">
        <v>0</v>
      </c>
      <c r="H138" s="9" t="s">
        <v>39</v>
      </c>
      <c r="I138" s="9">
        <v>0</v>
      </c>
    </row>
    <row r="139" spans="1:9" x14ac:dyDescent="0.25">
      <c r="A139" s="4" t="s">
        <v>347</v>
      </c>
      <c r="B139" s="6" t="s">
        <v>348</v>
      </c>
      <c r="C139" s="9">
        <v>0</v>
      </c>
      <c r="D139" s="9">
        <v>0</v>
      </c>
      <c r="E139" s="9">
        <v>0</v>
      </c>
      <c r="F139" s="9" t="s">
        <v>39</v>
      </c>
      <c r="G139" s="9">
        <v>0</v>
      </c>
      <c r="H139" s="9" t="s">
        <v>39</v>
      </c>
      <c r="I139" s="9">
        <v>0</v>
      </c>
    </row>
    <row r="140" spans="1:9" x14ac:dyDescent="0.25">
      <c r="A140" s="4" t="s">
        <v>349</v>
      </c>
      <c r="B140" s="6" t="s">
        <v>350</v>
      </c>
      <c r="C140" s="9">
        <v>26000000</v>
      </c>
      <c r="D140" s="9">
        <v>26000000</v>
      </c>
      <c r="E140" s="9">
        <v>4321128.4000000004</v>
      </c>
      <c r="F140" s="9" t="s">
        <v>351</v>
      </c>
      <c r="G140" s="9">
        <v>28198954.199999999</v>
      </c>
      <c r="H140" s="9" t="s">
        <v>352</v>
      </c>
      <c r="I140" s="9">
        <v>-2198954.2000000002</v>
      </c>
    </row>
    <row r="141" spans="1:9" x14ac:dyDescent="0.25">
      <c r="A141" s="4" t="s">
        <v>353</v>
      </c>
      <c r="B141" s="6" t="s">
        <v>354</v>
      </c>
      <c r="C141" s="9" t="s">
        <v>39</v>
      </c>
      <c r="D141" s="9" t="s">
        <v>39</v>
      </c>
      <c r="E141" s="9">
        <v>0</v>
      </c>
      <c r="F141" s="9" t="s">
        <v>39</v>
      </c>
      <c r="G141" s="9">
        <v>0</v>
      </c>
      <c r="H141" s="9" t="s">
        <v>39</v>
      </c>
      <c r="I141" s="9" t="s">
        <v>39</v>
      </c>
    </row>
    <row r="142" spans="1:9" x14ac:dyDescent="0.25">
      <c r="A142" s="4" t="s">
        <v>355</v>
      </c>
      <c r="B142" s="6" t="s">
        <v>356</v>
      </c>
      <c r="C142" s="9" t="s">
        <v>39</v>
      </c>
      <c r="D142" s="9" t="s">
        <v>39</v>
      </c>
      <c r="E142" s="9" t="s">
        <v>39</v>
      </c>
      <c r="F142" s="9" t="s">
        <v>39</v>
      </c>
      <c r="G142" s="9">
        <v>0</v>
      </c>
      <c r="H142" s="9" t="s">
        <v>39</v>
      </c>
      <c r="I142" s="9" t="s">
        <v>39</v>
      </c>
    </row>
    <row r="143" spans="1:9" x14ac:dyDescent="0.25">
      <c r="A143" s="4" t="s">
        <v>357</v>
      </c>
      <c r="B143" s="6" t="s">
        <v>358</v>
      </c>
      <c r="C143" s="9" t="s">
        <v>39</v>
      </c>
      <c r="D143" s="9" t="s">
        <v>39</v>
      </c>
      <c r="E143" s="9" t="s">
        <v>39</v>
      </c>
      <c r="F143" s="9" t="s">
        <v>39</v>
      </c>
      <c r="G143" s="9">
        <v>0</v>
      </c>
      <c r="H143" s="9" t="s">
        <v>39</v>
      </c>
      <c r="I143" s="9" t="s">
        <v>39</v>
      </c>
    </row>
    <row r="144" spans="1:9" x14ac:dyDescent="0.25">
      <c r="A144" s="5" t="s">
        <v>359</v>
      </c>
      <c r="B144" s="7" t="s">
        <v>360</v>
      </c>
      <c r="C144" s="8" t="s">
        <v>39</v>
      </c>
      <c r="D144" s="8" t="s">
        <v>39</v>
      </c>
      <c r="E144" s="8" t="s">
        <v>39</v>
      </c>
      <c r="F144" s="8" t="s">
        <v>39</v>
      </c>
      <c r="G144" s="8">
        <v>0</v>
      </c>
      <c r="H144" s="8" t="s">
        <v>39</v>
      </c>
      <c r="I144" s="8" t="s">
        <v>39</v>
      </c>
    </row>
    <row r="145" spans="1:9" x14ac:dyDescent="0.25">
      <c r="A145" s="4" t="s">
        <v>361</v>
      </c>
      <c r="B145" s="6" t="s">
        <v>362</v>
      </c>
      <c r="C145" s="9" t="s">
        <v>39</v>
      </c>
      <c r="D145" s="9" t="s">
        <v>39</v>
      </c>
      <c r="E145" s="9" t="s">
        <v>39</v>
      </c>
      <c r="F145" s="9" t="s">
        <v>39</v>
      </c>
      <c r="G145" s="9">
        <v>0</v>
      </c>
      <c r="H145" s="9" t="s">
        <v>39</v>
      </c>
      <c r="I145" s="9" t="s">
        <v>39</v>
      </c>
    </row>
    <row r="146" spans="1:9" x14ac:dyDescent="0.25">
      <c r="A146" s="4" t="s">
        <v>363</v>
      </c>
      <c r="B146" s="6" t="s">
        <v>364</v>
      </c>
      <c r="C146" s="9" t="s">
        <v>39</v>
      </c>
      <c r="D146" s="9" t="s">
        <v>39</v>
      </c>
      <c r="E146" s="9" t="s">
        <v>39</v>
      </c>
      <c r="F146" s="9" t="s">
        <v>39</v>
      </c>
      <c r="G146" s="9">
        <v>0</v>
      </c>
      <c r="H146" s="9" t="s">
        <v>39</v>
      </c>
      <c r="I146" s="9" t="s">
        <v>39</v>
      </c>
    </row>
    <row r="147" spans="1:9" x14ac:dyDescent="0.25">
      <c r="A147" s="4" t="s">
        <v>365</v>
      </c>
      <c r="B147" s="6" t="s">
        <v>366</v>
      </c>
      <c r="C147" s="9" t="s">
        <v>39</v>
      </c>
      <c r="D147" s="9" t="s">
        <v>39</v>
      </c>
      <c r="E147" s="9" t="s">
        <v>39</v>
      </c>
      <c r="F147" s="9" t="s">
        <v>39</v>
      </c>
      <c r="G147" s="9">
        <v>0</v>
      </c>
      <c r="H147" s="9" t="s">
        <v>39</v>
      </c>
      <c r="I147" s="9" t="s">
        <v>39</v>
      </c>
    </row>
    <row r="148" spans="1:9" x14ac:dyDescent="0.25">
      <c r="A148" s="4" t="s">
        <v>367</v>
      </c>
      <c r="B148" s="6" t="s">
        <v>368</v>
      </c>
      <c r="C148" s="9" t="s">
        <v>39</v>
      </c>
      <c r="D148" s="9" t="s">
        <v>39</v>
      </c>
      <c r="E148" s="9" t="s">
        <v>39</v>
      </c>
      <c r="F148" s="9" t="s">
        <v>39</v>
      </c>
      <c r="G148" s="9">
        <v>0</v>
      </c>
      <c r="H148" s="9" t="s">
        <v>39</v>
      </c>
      <c r="I148" s="9" t="s">
        <v>39</v>
      </c>
    </row>
    <row r="149" spans="1:9" x14ac:dyDescent="0.25">
      <c r="A149" s="4" t="s">
        <v>369</v>
      </c>
      <c r="B149" s="6" t="s">
        <v>370</v>
      </c>
      <c r="C149" s="9" t="s">
        <v>39</v>
      </c>
      <c r="D149" s="9" t="s">
        <v>39</v>
      </c>
      <c r="E149" s="9" t="s">
        <v>39</v>
      </c>
      <c r="F149" s="9" t="s">
        <v>39</v>
      </c>
      <c r="G149" s="9">
        <v>0</v>
      </c>
      <c r="H149" s="9" t="s">
        <v>39</v>
      </c>
      <c r="I149" s="9" t="s">
        <v>39</v>
      </c>
    </row>
    <row r="150" spans="1:9" x14ac:dyDescent="0.25">
      <c r="A150" s="5" t="s">
        <v>371</v>
      </c>
      <c r="B150" s="7" t="s">
        <v>372</v>
      </c>
      <c r="C150" s="8" t="s">
        <v>39</v>
      </c>
      <c r="D150" s="8" t="s">
        <v>39</v>
      </c>
      <c r="E150" s="8" t="s">
        <v>39</v>
      </c>
      <c r="F150" s="8" t="s">
        <v>39</v>
      </c>
      <c r="G150" s="8">
        <v>0</v>
      </c>
      <c r="H150" s="8" t="s">
        <v>39</v>
      </c>
      <c r="I150" s="8" t="s">
        <v>39</v>
      </c>
    </row>
    <row r="151" spans="1:9" x14ac:dyDescent="0.25">
      <c r="A151" s="4" t="s">
        <v>373</v>
      </c>
      <c r="B151" s="6" t="s">
        <v>374</v>
      </c>
      <c r="C151" s="9" t="s">
        <v>39</v>
      </c>
      <c r="D151" s="9" t="s">
        <v>39</v>
      </c>
      <c r="E151" s="9" t="s">
        <v>39</v>
      </c>
      <c r="F151" s="9" t="s">
        <v>39</v>
      </c>
      <c r="G151" s="9">
        <v>0</v>
      </c>
      <c r="H151" s="9" t="s">
        <v>39</v>
      </c>
      <c r="I151" s="9" t="s">
        <v>39</v>
      </c>
    </row>
    <row r="152" spans="1:9" x14ac:dyDescent="0.25">
      <c r="A152" s="4" t="s">
        <v>375</v>
      </c>
      <c r="B152" s="6" t="s">
        <v>376</v>
      </c>
      <c r="C152" s="9" t="s">
        <v>39</v>
      </c>
      <c r="D152" s="9" t="s">
        <v>39</v>
      </c>
      <c r="E152" s="9" t="s">
        <v>39</v>
      </c>
      <c r="F152" s="9" t="s">
        <v>39</v>
      </c>
      <c r="G152" s="9">
        <v>0</v>
      </c>
      <c r="H152" s="9" t="s">
        <v>39</v>
      </c>
      <c r="I152" s="9" t="s">
        <v>39</v>
      </c>
    </row>
    <row r="153" spans="1:9" x14ac:dyDescent="0.25">
      <c r="A153" s="4" t="s">
        <v>377</v>
      </c>
      <c r="B153" s="6" t="s">
        <v>378</v>
      </c>
      <c r="C153" s="9" t="s">
        <v>39</v>
      </c>
      <c r="D153" s="9" t="s">
        <v>39</v>
      </c>
      <c r="E153" s="9" t="s">
        <v>39</v>
      </c>
      <c r="F153" s="9" t="s">
        <v>39</v>
      </c>
      <c r="G153" s="9">
        <v>0</v>
      </c>
      <c r="H153" s="9" t="s">
        <v>39</v>
      </c>
      <c r="I153" s="9" t="s">
        <v>39</v>
      </c>
    </row>
    <row r="154" spans="1:9" x14ac:dyDescent="0.25">
      <c r="A154" s="4" t="s">
        <v>379</v>
      </c>
      <c r="B154" s="6" t="s">
        <v>380</v>
      </c>
      <c r="C154" s="9" t="s">
        <v>39</v>
      </c>
      <c r="D154" s="9" t="s">
        <v>39</v>
      </c>
      <c r="E154" s="9" t="s">
        <v>39</v>
      </c>
      <c r="F154" s="9" t="s">
        <v>39</v>
      </c>
      <c r="G154" s="9">
        <v>0</v>
      </c>
      <c r="H154" s="9" t="s">
        <v>39</v>
      </c>
      <c r="I154" s="9" t="s">
        <v>39</v>
      </c>
    </row>
    <row r="155" spans="1:9" x14ac:dyDescent="0.25">
      <c r="A155" s="4" t="s">
        <v>381</v>
      </c>
      <c r="B155" s="6" t="s">
        <v>382</v>
      </c>
      <c r="C155" s="9" t="s">
        <v>39</v>
      </c>
      <c r="D155" s="9" t="s">
        <v>39</v>
      </c>
      <c r="E155" s="9" t="s">
        <v>39</v>
      </c>
      <c r="F155" s="9" t="s">
        <v>39</v>
      </c>
      <c r="G155" s="9">
        <v>0</v>
      </c>
      <c r="H155" s="9" t="s">
        <v>39</v>
      </c>
      <c r="I155" s="9" t="s">
        <v>39</v>
      </c>
    </row>
    <row r="156" spans="1:9" x14ac:dyDescent="0.25">
      <c r="A156" s="4" t="s">
        <v>383</v>
      </c>
      <c r="B156" s="6" t="s">
        <v>384</v>
      </c>
      <c r="C156" s="9" t="s">
        <v>39</v>
      </c>
      <c r="D156" s="9" t="s">
        <v>39</v>
      </c>
      <c r="E156" s="9" t="s">
        <v>39</v>
      </c>
      <c r="F156" s="9" t="s">
        <v>39</v>
      </c>
      <c r="G156" s="9" t="s">
        <v>39</v>
      </c>
      <c r="H156" s="9" t="s">
        <v>39</v>
      </c>
      <c r="I156" s="9" t="s">
        <v>39</v>
      </c>
    </row>
    <row r="157" spans="1:9" x14ac:dyDescent="0.25">
      <c r="A157" s="4" t="s">
        <v>385</v>
      </c>
      <c r="B157" s="6" t="s">
        <v>386</v>
      </c>
      <c r="C157" s="9" t="s">
        <v>39</v>
      </c>
      <c r="D157" s="9" t="s">
        <v>39</v>
      </c>
      <c r="E157" s="9" t="s">
        <v>39</v>
      </c>
      <c r="F157" s="9" t="s">
        <v>39</v>
      </c>
      <c r="G157" s="9" t="s">
        <v>39</v>
      </c>
      <c r="H157" s="9" t="s">
        <v>39</v>
      </c>
      <c r="I157" s="9" t="s">
        <v>39</v>
      </c>
    </row>
    <row r="158" spans="1:9" x14ac:dyDescent="0.25">
      <c r="A158" s="4" t="s">
        <v>387</v>
      </c>
      <c r="B158" s="6" t="s">
        <v>388</v>
      </c>
      <c r="C158" s="9" t="s">
        <v>39</v>
      </c>
      <c r="D158" s="9" t="s">
        <v>39</v>
      </c>
      <c r="E158" s="9" t="s">
        <v>39</v>
      </c>
      <c r="F158" s="9" t="s">
        <v>39</v>
      </c>
      <c r="G158" s="9" t="s">
        <v>39</v>
      </c>
      <c r="H158" s="9" t="s">
        <v>39</v>
      </c>
      <c r="I158" s="9" t="s">
        <v>39</v>
      </c>
    </row>
    <row r="159" spans="1:9" x14ac:dyDescent="0.25">
      <c r="A159" s="5" t="s">
        <v>389</v>
      </c>
      <c r="B159" s="7" t="s">
        <v>390</v>
      </c>
      <c r="C159" s="8">
        <v>399007700</v>
      </c>
      <c r="D159" s="8">
        <v>1094781973</v>
      </c>
      <c r="E159" s="8">
        <v>101474255.90000001</v>
      </c>
      <c r="F159" s="8" t="s">
        <v>391</v>
      </c>
      <c r="G159" s="8">
        <v>719848488.63</v>
      </c>
      <c r="H159" s="8" t="s">
        <v>392</v>
      </c>
      <c r="I159" s="8">
        <v>374933484.37</v>
      </c>
    </row>
    <row r="160" spans="1:9" x14ac:dyDescent="0.25">
      <c r="A160" s="4" t="s">
        <v>393</v>
      </c>
      <c r="B160" s="6" t="s">
        <v>394</v>
      </c>
      <c r="C160" s="9">
        <v>0</v>
      </c>
      <c r="D160" s="9">
        <v>0</v>
      </c>
      <c r="E160" s="9">
        <v>0</v>
      </c>
      <c r="F160" s="9" t="s">
        <v>39</v>
      </c>
      <c r="G160" s="9">
        <v>0</v>
      </c>
      <c r="H160" s="9" t="s">
        <v>39</v>
      </c>
      <c r="I160" s="9">
        <v>0</v>
      </c>
    </row>
    <row r="161" spans="1:9" x14ac:dyDescent="0.25">
      <c r="A161" s="4" t="s">
        <v>395</v>
      </c>
      <c r="B161" s="6" t="s">
        <v>396</v>
      </c>
      <c r="C161" s="9">
        <v>0</v>
      </c>
      <c r="D161" s="9">
        <v>0</v>
      </c>
      <c r="E161" s="9">
        <v>0</v>
      </c>
      <c r="F161" s="9" t="s">
        <v>39</v>
      </c>
      <c r="G161" s="9">
        <v>0</v>
      </c>
      <c r="H161" s="9" t="s">
        <v>39</v>
      </c>
      <c r="I161" s="9">
        <v>0</v>
      </c>
    </row>
    <row r="162" spans="1:9" x14ac:dyDescent="0.25">
      <c r="A162" s="4" t="s">
        <v>397</v>
      </c>
      <c r="B162" s="6" t="s">
        <v>398</v>
      </c>
      <c r="C162" s="9">
        <v>0</v>
      </c>
      <c r="D162" s="9">
        <v>0</v>
      </c>
      <c r="E162" s="9">
        <v>0</v>
      </c>
      <c r="F162" s="9" t="s">
        <v>39</v>
      </c>
      <c r="G162" s="9">
        <v>0</v>
      </c>
      <c r="H162" s="9" t="s">
        <v>39</v>
      </c>
      <c r="I162" s="9">
        <v>0</v>
      </c>
    </row>
    <row r="163" spans="1:9" x14ac:dyDescent="0.25">
      <c r="A163" s="4" t="s">
        <v>399</v>
      </c>
      <c r="B163" s="6" t="s">
        <v>400</v>
      </c>
      <c r="C163" s="9">
        <v>399007700</v>
      </c>
      <c r="D163" s="9">
        <v>1094781973</v>
      </c>
      <c r="E163" s="9">
        <v>101474255.90000001</v>
      </c>
      <c r="F163" s="9" t="s">
        <v>391</v>
      </c>
      <c r="G163" s="9">
        <v>719848488.63</v>
      </c>
      <c r="H163" s="9" t="s">
        <v>392</v>
      </c>
      <c r="I163" s="9">
        <v>374933484.37</v>
      </c>
    </row>
    <row r="164" spans="1:9" x14ac:dyDescent="0.25">
      <c r="A164" s="5" t="s">
        <v>401</v>
      </c>
      <c r="B164" s="7" t="s">
        <v>402</v>
      </c>
      <c r="C164" s="8" t="s">
        <v>39</v>
      </c>
      <c r="D164" s="8" t="s">
        <v>39</v>
      </c>
      <c r="E164" s="8" t="s">
        <v>39</v>
      </c>
      <c r="F164" s="8" t="s">
        <v>39</v>
      </c>
      <c r="G164" s="8" t="s">
        <v>39</v>
      </c>
      <c r="H164" s="8" t="s">
        <v>39</v>
      </c>
      <c r="I164" s="8" t="s">
        <v>39</v>
      </c>
    </row>
    <row r="165" spans="1:9" x14ac:dyDescent="0.25">
      <c r="A165" s="5" t="s">
        <v>403</v>
      </c>
      <c r="B165" s="7" t="s">
        <v>404</v>
      </c>
      <c r="C165" s="8" t="s">
        <v>39</v>
      </c>
      <c r="D165" s="8" t="s">
        <v>39</v>
      </c>
      <c r="E165" s="8" t="s">
        <v>39</v>
      </c>
      <c r="F165" s="8" t="s">
        <v>39</v>
      </c>
      <c r="G165" s="8" t="s">
        <v>39</v>
      </c>
      <c r="H165" s="8" t="s">
        <v>39</v>
      </c>
      <c r="I165" s="8" t="s">
        <v>39</v>
      </c>
    </row>
    <row r="166" spans="1:9" x14ac:dyDescent="0.25">
      <c r="A166" s="4" t="s">
        <v>405</v>
      </c>
      <c r="B166" s="6" t="s">
        <v>406</v>
      </c>
      <c r="C166" s="9" t="s">
        <v>39</v>
      </c>
      <c r="D166" s="9" t="s">
        <v>39</v>
      </c>
      <c r="E166" s="9" t="s">
        <v>39</v>
      </c>
      <c r="F166" s="9" t="s">
        <v>39</v>
      </c>
      <c r="G166" s="9" t="s">
        <v>39</v>
      </c>
      <c r="H166" s="9" t="s">
        <v>39</v>
      </c>
      <c r="I166" s="9" t="s">
        <v>39</v>
      </c>
    </row>
    <row r="167" spans="1:9" x14ac:dyDescent="0.25">
      <c r="A167" s="4" t="s">
        <v>407</v>
      </c>
      <c r="B167" s="6" t="s">
        <v>408</v>
      </c>
      <c r="C167" s="9" t="s">
        <v>39</v>
      </c>
      <c r="D167" s="9" t="s">
        <v>39</v>
      </c>
      <c r="E167" s="9" t="s">
        <v>39</v>
      </c>
      <c r="F167" s="9" t="s">
        <v>39</v>
      </c>
      <c r="G167" s="9" t="s">
        <v>39</v>
      </c>
      <c r="H167" s="9" t="s">
        <v>39</v>
      </c>
      <c r="I167" s="9" t="s">
        <v>39</v>
      </c>
    </row>
    <row r="168" spans="1:9" x14ac:dyDescent="0.25">
      <c r="A168" s="5" t="s">
        <v>409</v>
      </c>
      <c r="B168" s="7" t="s">
        <v>410</v>
      </c>
      <c r="C168" s="8" t="s">
        <v>39</v>
      </c>
      <c r="D168" s="8" t="s">
        <v>39</v>
      </c>
      <c r="E168" s="8" t="s">
        <v>39</v>
      </c>
      <c r="F168" s="8" t="s">
        <v>39</v>
      </c>
      <c r="G168" s="8" t="s">
        <v>39</v>
      </c>
      <c r="H168" s="8" t="s">
        <v>39</v>
      </c>
      <c r="I168" s="8" t="s">
        <v>39</v>
      </c>
    </row>
    <row r="169" spans="1:9" x14ac:dyDescent="0.25">
      <c r="A169" s="4" t="s">
        <v>411</v>
      </c>
      <c r="B169" s="6" t="s">
        <v>412</v>
      </c>
      <c r="C169" s="9" t="s">
        <v>39</v>
      </c>
      <c r="D169" s="9" t="s">
        <v>39</v>
      </c>
      <c r="E169" s="9" t="s">
        <v>39</v>
      </c>
      <c r="F169" s="9" t="s">
        <v>39</v>
      </c>
      <c r="G169" s="9" t="s">
        <v>39</v>
      </c>
      <c r="H169" s="9" t="s">
        <v>39</v>
      </c>
      <c r="I169" s="9" t="s">
        <v>39</v>
      </c>
    </row>
    <row r="170" spans="1:9" x14ac:dyDescent="0.25">
      <c r="A170" s="4" t="s">
        <v>413</v>
      </c>
      <c r="B170" s="6" t="s">
        <v>414</v>
      </c>
      <c r="C170" s="9" t="s">
        <v>39</v>
      </c>
      <c r="D170" s="9" t="s">
        <v>39</v>
      </c>
      <c r="E170" s="9" t="s">
        <v>39</v>
      </c>
      <c r="F170" s="9" t="s">
        <v>39</v>
      </c>
      <c r="G170" s="9" t="s">
        <v>39</v>
      </c>
      <c r="H170" s="9" t="s">
        <v>39</v>
      </c>
      <c r="I170" s="9" t="s">
        <v>39</v>
      </c>
    </row>
    <row r="171" spans="1:9" x14ac:dyDescent="0.25">
      <c r="A171" s="4" t="s">
        <v>415</v>
      </c>
      <c r="B171" s="6" t="s">
        <v>416</v>
      </c>
      <c r="C171" s="9" t="s">
        <v>39</v>
      </c>
      <c r="D171" s="9" t="s">
        <v>39</v>
      </c>
      <c r="E171" s="9" t="s">
        <v>39</v>
      </c>
      <c r="F171" s="9" t="s">
        <v>39</v>
      </c>
      <c r="G171" s="9" t="s">
        <v>39</v>
      </c>
      <c r="H171" s="9" t="s">
        <v>39</v>
      </c>
      <c r="I171" s="9" t="s">
        <v>39</v>
      </c>
    </row>
    <row r="172" spans="1:9" x14ac:dyDescent="0.25">
      <c r="A172" s="4" t="s">
        <v>417</v>
      </c>
      <c r="B172" s="6" t="s">
        <v>418</v>
      </c>
      <c r="C172" s="9" t="s">
        <v>39</v>
      </c>
      <c r="D172" s="9" t="s">
        <v>39</v>
      </c>
      <c r="E172" s="9" t="s">
        <v>39</v>
      </c>
      <c r="F172" s="9" t="s">
        <v>39</v>
      </c>
      <c r="G172" s="9" t="s">
        <v>39</v>
      </c>
      <c r="H172" s="9" t="s">
        <v>39</v>
      </c>
      <c r="I172" s="9" t="s">
        <v>39</v>
      </c>
    </row>
    <row r="173" spans="1:9" x14ac:dyDescent="0.25">
      <c r="A173" s="5" t="s">
        <v>419</v>
      </c>
      <c r="B173" s="7" t="s">
        <v>420</v>
      </c>
      <c r="C173" s="8" t="s">
        <v>39</v>
      </c>
      <c r="D173" s="8" t="s">
        <v>39</v>
      </c>
      <c r="E173" s="8" t="s">
        <v>39</v>
      </c>
      <c r="F173" s="8" t="s">
        <v>39</v>
      </c>
      <c r="G173" s="8" t="s">
        <v>39</v>
      </c>
      <c r="H173" s="8" t="s">
        <v>39</v>
      </c>
      <c r="I173" s="8" t="s">
        <v>39</v>
      </c>
    </row>
    <row r="174" spans="1:9" x14ac:dyDescent="0.25">
      <c r="A174" s="4" t="s">
        <v>421</v>
      </c>
      <c r="B174" s="6" t="s">
        <v>374</v>
      </c>
      <c r="C174" s="9" t="s">
        <v>39</v>
      </c>
      <c r="D174" s="9" t="s">
        <v>39</v>
      </c>
      <c r="E174" s="9" t="s">
        <v>39</v>
      </c>
      <c r="F174" s="9" t="s">
        <v>39</v>
      </c>
      <c r="G174" s="9" t="s">
        <v>39</v>
      </c>
      <c r="H174" s="9" t="s">
        <v>39</v>
      </c>
      <c r="I174" s="9" t="s">
        <v>39</v>
      </c>
    </row>
    <row r="175" spans="1:9" x14ac:dyDescent="0.25">
      <c r="A175" s="4" t="s">
        <v>422</v>
      </c>
      <c r="B175" s="6" t="s">
        <v>376</v>
      </c>
      <c r="C175" s="9" t="s">
        <v>39</v>
      </c>
      <c r="D175" s="9" t="s">
        <v>39</v>
      </c>
      <c r="E175" s="9" t="s">
        <v>39</v>
      </c>
      <c r="F175" s="9" t="s">
        <v>39</v>
      </c>
      <c r="G175" s="9" t="s">
        <v>39</v>
      </c>
      <c r="H175" s="9" t="s">
        <v>39</v>
      </c>
      <c r="I175" s="9" t="s">
        <v>39</v>
      </c>
    </row>
    <row r="176" spans="1:9" x14ac:dyDescent="0.25">
      <c r="A176" s="4" t="s">
        <v>423</v>
      </c>
      <c r="B176" s="6" t="s">
        <v>378</v>
      </c>
      <c r="C176" s="9" t="s">
        <v>39</v>
      </c>
      <c r="D176" s="9" t="s">
        <v>39</v>
      </c>
      <c r="E176" s="9" t="s">
        <v>39</v>
      </c>
      <c r="F176" s="9" t="s">
        <v>39</v>
      </c>
      <c r="G176" s="9" t="s">
        <v>39</v>
      </c>
      <c r="H176" s="9" t="s">
        <v>39</v>
      </c>
      <c r="I176" s="9" t="s">
        <v>39</v>
      </c>
    </row>
    <row r="177" spans="1:12" x14ac:dyDescent="0.25">
      <c r="A177" s="4" t="s">
        <v>424</v>
      </c>
      <c r="B177" s="6" t="s">
        <v>380</v>
      </c>
      <c r="C177" s="9" t="s">
        <v>39</v>
      </c>
      <c r="D177" s="9" t="s">
        <v>39</v>
      </c>
      <c r="E177" s="9" t="s">
        <v>39</v>
      </c>
      <c r="F177" s="9" t="s">
        <v>39</v>
      </c>
      <c r="G177" s="9" t="s">
        <v>39</v>
      </c>
      <c r="H177" s="9" t="s">
        <v>39</v>
      </c>
      <c r="I177" s="9" t="s">
        <v>39</v>
      </c>
    </row>
    <row r="178" spans="1:12" x14ac:dyDescent="0.25">
      <c r="A178" s="4" t="s">
        <v>425</v>
      </c>
      <c r="B178" s="6" t="s">
        <v>382</v>
      </c>
      <c r="C178" s="9" t="s">
        <v>39</v>
      </c>
      <c r="D178" s="9" t="s">
        <v>39</v>
      </c>
      <c r="E178" s="9" t="s">
        <v>39</v>
      </c>
      <c r="F178" s="9" t="s">
        <v>39</v>
      </c>
      <c r="G178" s="9" t="s">
        <v>39</v>
      </c>
      <c r="H178" s="9" t="s">
        <v>39</v>
      </c>
      <c r="I178" s="9" t="s">
        <v>39</v>
      </c>
    </row>
    <row r="179" spans="1:12" x14ac:dyDescent="0.25">
      <c r="A179" s="4" t="s">
        <v>426</v>
      </c>
      <c r="B179" s="6" t="s">
        <v>384</v>
      </c>
      <c r="C179" s="9" t="s">
        <v>39</v>
      </c>
      <c r="D179" s="9" t="s">
        <v>39</v>
      </c>
      <c r="E179" s="9" t="s">
        <v>39</v>
      </c>
      <c r="F179" s="9" t="s">
        <v>39</v>
      </c>
      <c r="G179" s="9" t="s">
        <v>39</v>
      </c>
      <c r="H179" s="9" t="s">
        <v>39</v>
      </c>
      <c r="I179" s="9" t="s">
        <v>39</v>
      </c>
    </row>
    <row r="180" spans="1:12" x14ac:dyDescent="0.25">
      <c r="A180" s="4" t="s">
        <v>427</v>
      </c>
      <c r="B180" s="6" t="s">
        <v>386</v>
      </c>
      <c r="C180" s="9" t="s">
        <v>39</v>
      </c>
      <c r="D180" s="9" t="s">
        <v>39</v>
      </c>
      <c r="E180" s="9" t="s">
        <v>39</v>
      </c>
      <c r="F180" s="9" t="s">
        <v>39</v>
      </c>
      <c r="G180" s="9" t="s">
        <v>39</v>
      </c>
      <c r="H180" s="9" t="s">
        <v>39</v>
      </c>
      <c r="I180" s="9" t="s">
        <v>39</v>
      </c>
    </row>
    <row r="181" spans="1:12" x14ac:dyDescent="0.25">
      <c r="A181" s="4" t="s">
        <v>428</v>
      </c>
      <c r="B181" s="6" t="s">
        <v>388</v>
      </c>
      <c r="C181" s="9" t="s">
        <v>39</v>
      </c>
      <c r="D181" s="9" t="s">
        <v>39</v>
      </c>
      <c r="E181" s="9" t="s">
        <v>39</v>
      </c>
      <c r="F181" s="9" t="s">
        <v>39</v>
      </c>
      <c r="G181" s="9" t="s">
        <v>39</v>
      </c>
      <c r="H181" s="9" t="s">
        <v>39</v>
      </c>
      <c r="I181" s="9" t="s">
        <v>39</v>
      </c>
    </row>
    <row r="182" spans="1:12" x14ac:dyDescent="0.25">
      <c r="A182" s="5" t="s">
        <v>429</v>
      </c>
      <c r="B182" s="7" t="s">
        <v>430</v>
      </c>
      <c r="C182" s="8" t="s">
        <v>39</v>
      </c>
      <c r="D182" s="8" t="s">
        <v>39</v>
      </c>
      <c r="E182" s="8" t="s">
        <v>39</v>
      </c>
      <c r="F182" s="8" t="s">
        <v>39</v>
      </c>
      <c r="G182" s="8" t="s">
        <v>39</v>
      </c>
      <c r="H182" s="8" t="s">
        <v>39</v>
      </c>
      <c r="I182" s="8" t="s">
        <v>39</v>
      </c>
    </row>
    <row r="183" spans="1:12" x14ac:dyDescent="0.25">
      <c r="A183" s="4" t="s">
        <v>431</v>
      </c>
      <c r="B183" s="6" t="s">
        <v>432</v>
      </c>
      <c r="C183" s="9" t="s">
        <v>39</v>
      </c>
      <c r="D183" s="9" t="s">
        <v>39</v>
      </c>
      <c r="E183" s="9" t="s">
        <v>39</v>
      </c>
      <c r="F183" s="9" t="s">
        <v>39</v>
      </c>
      <c r="G183" s="9" t="s">
        <v>39</v>
      </c>
      <c r="H183" s="9" t="s">
        <v>39</v>
      </c>
      <c r="I183" s="9" t="s">
        <v>39</v>
      </c>
    </row>
    <row r="184" spans="1:12" x14ac:dyDescent="0.25">
      <c r="A184" s="4" t="s">
        <v>433</v>
      </c>
      <c r="B184" s="6" t="s">
        <v>434</v>
      </c>
      <c r="C184" s="9" t="s">
        <v>39</v>
      </c>
      <c r="D184" s="9" t="s">
        <v>39</v>
      </c>
      <c r="E184" s="9" t="s">
        <v>39</v>
      </c>
      <c r="F184" s="9" t="s">
        <v>39</v>
      </c>
      <c r="G184" s="9" t="s">
        <v>39</v>
      </c>
      <c r="H184" s="9" t="s">
        <v>39</v>
      </c>
      <c r="I184" s="9" t="s">
        <v>39</v>
      </c>
    </row>
    <row r="185" spans="1:12" x14ac:dyDescent="0.25">
      <c r="A185" s="4" t="s">
        <v>435</v>
      </c>
      <c r="B185" s="6" t="s">
        <v>436</v>
      </c>
      <c r="C185" s="9" t="s">
        <v>39</v>
      </c>
      <c r="D185" s="9" t="s">
        <v>39</v>
      </c>
      <c r="E185" s="9" t="s">
        <v>39</v>
      </c>
      <c r="F185" s="9" t="s">
        <v>39</v>
      </c>
      <c r="G185" s="9" t="s">
        <v>39</v>
      </c>
      <c r="H185" s="9" t="s">
        <v>39</v>
      </c>
      <c r="I185" s="9" t="s">
        <v>39</v>
      </c>
    </row>
    <row r="186" spans="1:12" x14ac:dyDescent="0.25">
      <c r="A186" s="4" t="s">
        <v>437</v>
      </c>
      <c r="B186" s="6" t="s">
        <v>438</v>
      </c>
      <c r="C186" s="9" t="s">
        <v>39</v>
      </c>
      <c r="D186" s="9" t="s">
        <v>39</v>
      </c>
      <c r="E186" s="9" t="s">
        <v>39</v>
      </c>
      <c r="F186" s="9" t="s">
        <v>39</v>
      </c>
      <c r="G186" s="9" t="s">
        <v>39</v>
      </c>
      <c r="H186" s="9" t="s">
        <v>39</v>
      </c>
      <c r="I186" s="9" t="s">
        <v>39</v>
      </c>
    </row>
    <row r="188" spans="1:12" x14ac:dyDescent="0.25">
      <c r="A188" s="14" t="s">
        <v>6</v>
      </c>
      <c r="B188" s="14" t="s">
        <v>439</v>
      </c>
      <c r="C188" s="14" t="s">
        <v>248</v>
      </c>
      <c r="D188" s="14" t="s">
        <v>249</v>
      </c>
      <c r="E188" s="14" t="s">
        <v>250</v>
      </c>
      <c r="F188" s="14" t="s">
        <v>7</v>
      </c>
      <c r="G188" s="14" t="s">
        <v>253</v>
      </c>
      <c r="H188" s="14" t="s">
        <v>254</v>
      </c>
      <c r="I188" s="14" t="s">
        <v>7</v>
      </c>
      <c r="J188" s="14" t="s">
        <v>257</v>
      </c>
      <c r="K188" s="14" t="s">
        <v>258</v>
      </c>
      <c r="L188" s="14" t="s">
        <v>259</v>
      </c>
    </row>
    <row r="189" spans="1:12" x14ac:dyDescent="0.25">
      <c r="A189" s="14" t="s">
        <v>7</v>
      </c>
      <c r="B189" s="14" t="s">
        <v>7</v>
      </c>
      <c r="C189" s="14" t="s">
        <v>7</v>
      </c>
      <c r="D189" s="14" t="s">
        <v>7</v>
      </c>
      <c r="E189" s="1" t="s">
        <v>251</v>
      </c>
      <c r="F189" s="1" t="s">
        <v>252</v>
      </c>
      <c r="G189" s="14" t="s">
        <v>7</v>
      </c>
      <c r="H189" s="1" t="s">
        <v>251</v>
      </c>
      <c r="I189" s="1" t="s">
        <v>256</v>
      </c>
      <c r="J189" s="14" t="s">
        <v>7</v>
      </c>
      <c r="K189" s="14" t="s">
        <v>7</v>
      </c>
      <c r="L189" s="14" t="s">
        <v>7</v>
      </c>
    </row>
    <row r="190" spans="1:12" x14ac:dyDescent="0.25">
      <c r="A190" s="5" t="s">
        <v>440</v>
      </c>
      <c r="B190" s="7" t="s">
        <v>441</v>
      </c>
      <c r="C190" s="8">
        <v>1861882800</v>
      </c>
      <c r="D190" s="8">
        <v>2206422270.1900001</v>
      </c>
      <c r="E190" s="8">
        <v>351997096.32999998</v>
      </c>
      <c r="F190" s="8">
        <v>2016234975.78</v>
      </c>
      <c r="G190" s="8">
        <v>190187294.41</v>
      </c>
      <c r="H190" s="8">
        <v>413004053.19999999</v>
      </c>
      <c r="I190" s="8">
        <v>2016233255.02</v>
      </c>
      <c r="J190" s="8">
        <v>190189015.16999999</v>
      </c>
      <c r="K190" s="8">
        <v>1942822450.21</v>
      </c>
      <c r="L190" s="8">
        <v>1720.76</v>
      </c>
    </row>
    <row r="191" spans="1:12" x14ac:dyDescent="0.25">
      <c r="A191" s="5" t="s">
        <v>442</v>
      </c>
      <c r="B191" s="7" t="s">
        <v>443</v>
      </c>
      <c r="C191" s="8">
        <v>1861882800</v>
      </c>
      <c r="D191" s="8">
        <v>2206422270.1900001</v>
      </c>
      <c r="E191" s="8">
        <v>351997096.32999998</v>
      </c>
      <c r="F191" s="8">
        <v>2016234975.78</v>
      </c>
      <c r="G191" s="8">
        <v>190187294.41</v>
      </c>
      <c r="H191" s="8">
        <v>413004053.19999999</v>
      </c>
      <c r="I191" s="8">
        <v>2016233255.02</v>
      </c>
      <c r="J191" s="8">
        <v>190189015.16999999</v>
      </c>
      <c r="K191" s="8">
        <v>1942822450.21</v>
      </c>
      <c r="L191" s="8">
        <v>1720.76</v>
      </c>
    </row>
    <row r="192" spans="1:12" x14ac:dyDescent="0.25">
      <c r="A192" s="4" t="s">
        <v>444</v>
      </c>
      <c r="B192" s="6" t="s">
        <v>445</v>
      </c>
      <c r="C192" s="9">
        <v>778915800</v>
      </c>
      <c r="D192" s="9">
        <v>1461449450.9100001</v>
      </c>
      <c r="E192" s="9">
        <v>246536538.53999999</v>
      </c>
      <c r="F192" s="9">
        <v>1380692964.9100001</v>
      </c>
      <c r="G192" s="9">
        <v>80756486</v>
      </c>
      <c r="H192" s="9">
        <v>299626344.88</v>
      </c>
      <c r="I192" s="9">
        <v>1380692964.9100001</v>
      </c>
      <c r="J192" s="9">
        <v>80756486</v>
      </c>
      <c r="K192" s="9">
        <v>1326850252.72</v>
      </c>
      <c r="L192" s="9">
        <v>0</v>
      </c>
    </row>
    <row r="193" spans="1:12" x14ac:dyDescent="0.25">
      <c r="A193" s="4" t="s">
        <v>446</v>
      </c>
      <c r="B193" s="6" t="s">
        <v>447</v>
      </c>
      <c r="C193" s="9">
        <v>0</v>
      </c>
      <c r="D193" s="9">
        <v>0</v>
      </c>
      <c r="E193" s="9">
        <v>0</v>
      </c>
      <c r="F193" s="9">
        <v>0</v>
      </c>
      <c r="G193" s="9">
        <v>0</v>
      </c>
      <c r="H193" s="9">
        <v>0</v>
      </c>
      <c r="I193" s="9">
        <v>0</v>
      </c>
      <c r="J193" s="9">
        <v>0</v>
      </c>
      <c r="K193" s="9">
        <v>0</v>
      </c>
      <c r="L193" s="9">
        <v>0</v>
      </c>
    </row>
    <row r="194" spans="1:12" x14ac:dyDescent="0.25">
      <c r="A194" s="4" t="s">
        <v>448</v>
      </c>
      <c r="B194" s="6" t="s">
        <v>449</v>
      </c>
      <c r="C194" s="9">
        <v>1082967000</v>
      </c>
      <c r="D194" s="9">
        <v>744972819.27999997</v>
      </c>
      <c r="E194" s="9">
        <v>105460557.79000001</v>
      </c>
      <c r="F194" s="9">
        <v>635542010.87</v>
      </c>
      <c r="G194" s="9">
        <v>109430808.41</v>
      </c>
      <c r="H194" s="9">
        <v>113377708.31999999</v>
      </c>
      <c r="I194" s="9">
        <v>635540290.11000001</v>
      </c>
      <c r="J194" s="9">
        <v>109432529.17</v>
      </c>
      <c r="K194" s="9">
        <v>615972197.49000001</v>
      </c>
      <c r="L194" s="9">
        <v>1720.76</v>
      </c>
    </row>
    <row r="195" spans="1:12" x14ac:dyDescent="0.25">
      <c r="A195" s="5" t="s">
        <v>450</v>
      </c>
      <c r="B195" s="7" t="s">
        <v>451</v>
      </c>
      <c r="C195" s="8">
        <v>0</v>
      </c>
      <c r="D195" s="8" t="s">
        <v>39</v>
      </c>
      <c r="E195" s="8" t="s">
        <v>39</v>
      </c>
      <c r="F195" s="8" t="s">
        <v>39</v>
      </c>
      <c r="G195" s="8" t="s">
        <v>39</v>
      </c>
      <c r="H195" s="8" t="s">
        <v>39</v>
      </c>
      <c r="I195" s="8">
        <v>0</v>
      </c>
      <c r="J195" s="8">
        <v>0</v>
      </c>
      <c r="K195" s="8">
        <v>0</v>
      </c>
      <c r="L195" s="8">
        <v>0</v>
      </c>
    </row>
    <row r="196" spans="1:12" x14ac:dyDescent="0.25">
      <c r="A196" s="4" t="s">
        <v>452</v>
      </c>
      <c r="B196" s="6" t="s">
        <v>453</v>
      </c>
      <c r="C196" s="9" t="s">
        <v>39</v>
      </c>
      <c r="D196" s="9" t="s">
        <v>39</v>
      </c>
      <c r="E196" s="9" t="s">
        <v>39</v>
      </c>
      <c r="F196" s="9" t="s">
        <v>39</v>
      </c>
      <c r="G196" s="9" t="s">
        <v>39</v>
      </c>
      <c r="H196" s="9" t="s">
        <v>39</v>
      </c>
      <c r="I196" s="9" t="s">
        <v>39</v>
      </c>
      <c r="J196" s="9" t="s">
        <v>39</v>
      </c>
      <c r="K196" s="9" t="s">
        <v>39</v>
      </c>
      <c r="L196" s="9" t="s">
        <v>39</v>
      </c>
    </row>
    <row r="197" spans="1:12" x14ac:dyDescent="0.25">
      <c r="A197" s="4" t="s">
        <v>454</v>
      </c>
      <c r="B197" s="6" t="s">
        <v>455</v>
      </c>
      <c r="C197" s="9" t="s">
        <v>39</v>
      </c>
      <c r="D197" s="9" t="s">
        <v>39</v>
      </c>
      <c r="E197" s="9" t="s">
        <v>39</v>
      </c>
      <c r="F197" s="9" t="s">
        <v>39</v>
      </c>
      <c r="G197" s="9" t="s">
        <v>39</v>
      </c>
      <c r="H197" s="9" t="s">
        <v>39</v>
      </c>
      <c r="I197" s="9" t="s">
        <v>39</v>
      </c>
      <c r="J197" s="9" t="s">
        <v>39</v>
      </c>
      <c r="K197" s="9" t="s">
        <v>39</v>
      </c>
      <c r="L197" s="9" t="s">
        <v>39</v>
      </c>
    </row>
    <row r="198" spans="1:12" x14ac:dyDescent="0.25">
      <c r="A198" s="4" t="s">
        <v>456</v>
      </c>
      <c r="B198" s="6" t="s">
        <v>457</v>
      </c>
      <c r="C198" s="9" t="s">
        <v>39</v>
      </c>
      <c r="D198" s="9" t="s">
        <v>39</v>
      </c>
      <c r="E198" s="9" t="s">
        <v>39</v>
      </c>
      <c r="F198" s="9" t="s">
        <v>39</v>
      </c>
      <c r="G198" s="9" t="s">
        <v>39</v>
      </c>
      <c r="H198" s="9" t="s">
        <v>39</v>
      </c>
      <c r="I198" s="9" t="s">
        <v>39</v>
      </c>
      <c r="J198" s="9" t="s">
        <v>39</v>
      </c>
      <c r="K198" s="9" t="s">
        <v>39</v>
      </c>
      <c r="L198" s="9" t="s">
        <v>39</v>
      </c>
    </row>
    <row r="199" spans="1:12" x14ac:dyDescent="0.25">
      <c r="A199" s="4" t="s">
        <v>458</v>
      </c>
      <c r="B199" s="6" t="s">
        <v>459</v>
      </c>
      <c r="C199" s="9" t="s">
        <v>39</v>
      </c>
      <c r="D199" s="9" t="s">
        <v>39</v>
      </c>
      <c r="E199" s="9" t="s">
        <v>39</v>
      </c>
      <c r="F199" s="9" t="s">
        <v>39</v>
      </c>
      <c r="G199" s="9" t="s">
        <v>39</v>
      </c>
      <c r="H199" s="9" t="s">
        <v>39</v>
      </c>
      <c r="I199" s="9" t="s">
        <v>39</v>
      </c>
      <c r="J199" s="9" t="s">
        <v>39</v>
      </c>
      <c r="K199" s="9" t="s">
        <v>39</v>
      </c>
      <c r="L199" s="9" t="s">
        <v>39</v>
      </c>
    </row>
  </sheetData>
  <mergeCells count="38">
    <mergeCell ref="J188:J189"/>
    <mergeCell ref="K188:K189"/>
    <mergeCell ref="L188:L189"/>
    <mergeCell ref="I121:I122"/>
    <mergeCell ref="A188:A189"/>
    <mergeCell ref="B188:B189"/>
    <mergeCell ref="C188:C189"/>
    <mergeCell ref="D188:D189"/>
    <mergeCell ref="E188:F188"/>
    <mergeCell ref="G188:G189"/>
    <mergeCell ref="H188:I188"/>
    <mergeCell ref="A121:A122"/>
    <mergeCell ref="B121:B122"/>
    <mergeCell ref="C121:C122"/>
    <mergeCell ref="D121:D122"/>
    <mergeCell ref="E121:H121"/>
    <mergeCell ref="G93:G94"/>
    <mergeCell ref="H93:I93"/>
    <mergeCell ref="J93:J94"/>
    <mergeCell ref="K93:K94"/>
    <mergeCell ref="L93:L94"/>
    <mergeCell ref="A93:A94"/>
    <mergeCell ref="B93:B94"/>
    <mergeCell ref="C93:C94"/>
    <mergeCell ref="D93:D94"/>
    <mergeCell ref="E93:F93"/>
    <mergeCell ref="A9:L9"/>
    <mergeCell ref="A10:A11"/>
    <mergeCell ref="B10:B11"/>
    <mergeCell ref="C10:C11"/>
    <mergeCell ref="D10:D11"/>
    <mergeCell ref="E10:H10"/>
    <mergeCell ref="I10:I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28"/>
  <sheetViews>
    <sheetView showGridLines="0" workbookViewId="0"/>
  </sheetViews>
  <sheetFormatPr defaultRowHeight="15" x14ac:dyDescent="0.25"/>
  <cols>
    <col min="1" max="1" width="2.42578125" bestFit="1" customWidth="1"/>
    <col min="2" max="2" width="44.42578125" bestFit="1" customWidth="1"/>
    <col min="3" max="3" width="16" bestFit="1" customWidth="1"/>
    <col min="4" max="6" width="14.85546875" bestFit="1" customWidth="1"/>
    <col min="7" max="7" width="13.140625" bestFit="1" customWidth="1"/>
    <col min="9" max="9" width="14.85546875" bestFit="1" customWidth="1"/>
  </cols>
  <sheetData>
    <row r="3" spans="1:9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</row>
    <row r="4" spans="1:9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</row>
    <row r="5" spans="1:9" x14ac:dyDescent="0.25">
      <c r="A5" s="12" t="s">
        <v>1418</v>
      </c>
      <c r="B5" s="11"/>
      <c r="C5" s="11"/>
      <c r="D5" s="11"/>
      <c r="E5" s="11"/>
      <c r="F5" s="11"/>
      <c r="G5" s="11"/>
      <c r="H5" s="11"/>
      <c r="I5" s="11"/>
    </row>
    <row r="6" spans="1:9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</row>
    <row r="7" spans="1:9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</row>
    <row r="9" spans="1:9" x14ac:dyDescent="0.25">
      <c r="A9" s="13" t="s">
        <v>1321</v>
      </c>
      <c r="B9" s="11"/>
      <c r="C9" s="11"/>
      <c r="D9" s="11"/>
      <c r="E9" s="11"/>
      <c r="F9" s="11"/>
      <c r="G9" s="11"/>
      <c r="H9" s="11"/>
      <c r="I9" s="11"/>
    </row>
    <row r="10" spans="1:9" x14ac:dyDescent="0.25">
      <c r="A10" s="14" t="s">
        <v>6</v>
      </c>
      <c r="B10" s="14" t="s">
        <v>8</v>
      </c>
      <c r="C10" s="14" t="s">
        <v>10</v>
      </c>
      <c r="D10" s="14" t="s">
        <v>1322</v>
      </c>
      <c r="E10" s="14" t="s">
        <v>1419</v>
      </c>
    </row>
    <row r="11" spans="1:9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4" t="s">
        <v>7</v>
      </c>
    </row>
    <row r="12" spans="1:9" x14ac:dyDescent="0.25">
      <c r="A12" s="5" t="s">
        <v>17</v>
      </c>
      <c r="B12" s="7" t="s">
        <v>1420</v>
      </c>
      <c r="C12" s="8">
        <v>3598200</v>
      </c>
      <c r="D12" s="8">
        <v>4339668.8499999996</v>
      </c>
      <c r="E12" s="8">
        <v>-741468.85</v>
      </c>
    </row>
    <row r="13" spans="1:9" x14ac:dyDescent="0.25">
      <c r="A13" s="4" t="s">
        <v>21</v>
      </c>
      <c r="B13" s="6" t="s">
        <v>1421</v>
      </c>
      <c r="C13" s="9">
        <v>2000000</v>
      </c>
      <c r="D13" s="9">
        <v>2466510.73</v>
      </c>
      <c r="E13" s="9">
        <v>-466510.73</v>
      </c>
    </row>
    <row r="14" spans="1:9" x14ac:dyDescent="0.25">
      <c r="A14" s="4" t="s">
        <v>25</v>
      </c>
      <c r="B14" s="6" t="s">
        <v>1422</v>
      </c>
      <c r="C14" s="9">
        <v>1598200</v>
      </c>
      <c r="D14" s="9">
        <v>1873158.12</v>
      </c>
      <c r="E14" s="9">
        <v>-274958.12</v>
      </c>
    </row>
    <row r="16" spans="1:9" x14ac:dyDescent="0.25">
      <c r="A16" s="14" t="s">
        <v>6</v>
      </c>
      <c r="B16" s="14" t="s">
        <v>247</v>
      </c>
      <c r="C16" s="14" t="s">
        <v>1212</v>
      </c>
      <c r="D16" s="14" t="s">
        <v>1325</v>
      </c>
      <c r="E16" s="14" t="s">
        <v>254</v>
      </c>
      <c r="F16" s="14" t="s">
        <v>1423</v>
      </c>
      <c r="G16" s="14" t="s">
        <v>1326</v>
      </c>
      <c r="H16" s="14" t="s">
        <v>1424</v>
      </c>
      <c r="I16" s="14" t="s">
        <v>1425</v>
      </c>
    </row>
    <row r="17" spans="1:9" x14ac:dyDescent="0.25">
      <c r="A17" s="14" t="s">
        <v>7</v>
      </c>
      <c r="B17" s="14" t="s">
        <v>7</v>
      </c>
      <c r="C17" s="14" t="s">
        <v>7</v>
      </c>
      <c r="D17" s="14" t="s">
        <v>7</v>
      </c>
      <c r="E17" s="14" t="s">
        <v>7</v>
      </c>
      <c r="F17" s="14" t="s">
        <v>7</v>
      </c>
      <c r="G17" s="14" t="s">
        <v>7</v>
      </c>
      <c r="H17" s="14" t="s">
        <v>7</v>
      </c>
      <c r="I17" s="14" t="s">
        <v>7</v>
      </c>
    </row>
    <row r="18" spans="1:9" x14ac:dyDescent="0.25">
      <c r="A18" s="5" t="s">
        <v>29</v>
      </c>
      <c r="B18" s="7" t="s">
        <v>1426</v>
      </c>
      <c r="C18" s="8">
        <v>12492215</v>
      </c>
      <c r="D18" s="8">
        <v>9959284.7200000007</v>
      </c>
      <c r="E18" s="8">
        <v>9657625.2200000007</v>
      </c>
      <c r="F18" s="8">
        <v>9657625.2200000007</v>
      </c>
      <c r="G18" s="8">
        <v>301659.5</v>
      </c>
      <c r="H18" s="8" t="s">
        <v>39</v>
      </c>
      <c r="I18" s="8">
        <v>2532930.2799999998</v>
      </c>
    </row>
    <row r="19" spans="1:9" x14ac:dyDescent="0.25">
      <c r="A19" s="5" t="s">
        <v>33</v>
      </c>
      <c r="B19" s="7" t="s">
        <v>1427</v>
      </c>
      <c r="C19" s="8">
        <v>12492215</v>
      </c>
      <c r="D19" s="8">
        <v>9959284.7200000007</v>
      </c>
      <c r="E19" s="8">
        <v>9657625.2200000007</v>
      </c>
      <c r="F19" s="8">
        <v>9657625.2200000007</v>
      </c>
      <c r="G19" s="8">
        <v>301659.5</v>
      </c>
      <c r="H19" s="8" t="s">
        <v>39</v>
      </c>
      <c r="I19" s="8">
        <v>2532930.2799999998</v>
      </c>
    </row>
    <row r="20" spans="1:9" x14ac:dyDescent="0.25">
      <c r="A20" s="4" t="s">
        <v>37</v>
      </c>
      <c r="B20" s="6" t="s">
        <v>1428</v>
      </c>
      <c r="C20" s="9">
        <v>3573015</v>
      </c>
      <c r="D20" s="9">
        <v>1040149.24</v>
      </c>
      <c r="E20" s="9">
        <v>738489.74</v>
      </c>
      <c r="F20" s="9">
        <v>738489.74</v>
      </c>
      <c r="G20" s="9">
        <v>301659.5</v>
      </c>
      <c r="H20" s="9" t="s">
        <v>39</v>
      </c>
      <c r="I20" s="9">
        <v>2532865.7599999998</v>
      </c>
    </row>
    <row r="21" spans="1:9" x14ac:dyDescent="0.25">
      <c r="A21" s="4" t="s">
        <v>40</v>
      </c>
      <c r="B21" s="6" t="s">
        <v>1429</v>
      </c>
      <c r="C21" s="9">
        <v>0</v>
      </c>
      <c r="D21" s="9">
        <v>0</v>
      </c>
      <c r="E21" s="9">
        <v>0</v>
      </c>
      <c r="F21" s="9">
        <v>0</v>
      </c>
      <c r="G21" s="9">
        <v>0</v>
      </c>
      <c r="H21" s="9" t="s">
        <v>39</v>
      </c>
      <c r="I21" s="9">
        <v>0</v>
      </c>
    </row>
    <row r="22" spans="1:9" x14ac:dyDescent="0.25">
      <c r="A22" s="4" t="s">
        <v>44</v>
      </c>
      <c r="B22" s="6" t="s">
        <v>1430</v>
      </c>
      <c r="C22" s="9">
        <v>8919200</v>
      </c>
      <c r="D22" s="9">
        <v>8919135.4800000004</v>
      </c>
      <c r="E22" s="9">
        <v>8919135.4800000004</v>
      </c>
      <c r="F22" s="9">
        <v>8919135.4800000004</v>
      </c>
      <c r="G22" s="9">
        <v>0</v>
      </c>
      <c r="H22" s="9" t="s">
        <v>39</v>
      </c>
      <c r="I22" s="9">
        <v>64.52</v>
      </c>
    </row>
    <row r="23" spans="1:9" x14ac:dyDescent="0.25">
      <c r="A23" s="5" t="s">
        <v>46</v>
      </c>
      <c r="B23" s="7" t="s">
        <v>1431</v>
      </c>
      <c r="C23" s="8">
        <v>0</v>
      </c>
      <c r="D23" s="8">
        <v>0</v>
      </c>
      <c r="E23" s="8">
        <v>0</v>
      </c>
      <c r="F23" s="8">
        <v>0</v>
      </c>
      <c r="G23" s="8">
        <v>0</v>
      </c>
      <c r="H23" s="8" t="s">
        <v>39</v>
      </c>
      <c r="I23" s="8">
        <v>0</v>
      </c>
    </row>
    <row r="24" spans="1:9" x14ac:dyDescent="0.25">
      <c r="A24" s="4" t="s">
        <v>48</v>
      </c>
      <c r="B24" s="6" t="s">
        <v>1432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 t="s">
        <v>39</v>
      </c>
      <c r="I24" s="9">
        <v>0</v>
      </c>
    </row>
    <row r="26" spans="1:9" x14ac:dyDescent="0.25">
      <c r="A26" s="14" t="s">
        <v>6</v>
      </c>
      <c r="B26" s="14" t="s">
        <v>1433</v>
      </c>
      <c r="C26" s="14" t="s">
        <v>1434</v>
      </c>
      <c r="D26" s="14" t="s">
        <v>1435</v>
      </c>
      <c r="E26" s="14" t="s">
        <v>1436</v>
      </c>
    </row>
    <row r="27" spans="1:9" x14ac:dyDescent="0.25">
      <c r="A27" s="14" t="s">
        <v>7</v>
      </c>
      <c r="B27" s="14" t="s">
        <v>7</v>
      </c>
      <c r="C27" s="14" t="s">
        <v>7</v>
      </c>
      <c r="D27" s="14" t="s">
        <v>7</v>
      </c>
      <c r="E27" s="14" t="s">
        <v>7</v>
      </c>
    </row>
    <row r="28" spans="1:9" x14ac:dyDescent="0.25">
      <c r="A28" s="4" t="s">
        <v>50</v>
      </c>
      <c r="B28" s="6" t="s">
        <v>1437</v>
      </c>
      <c r="C28" s="9">
        <v>8919896.5700000003</v>
      </c>
      <c r="D28" s="9">
        <v>-5317956.37</v>
      </c>
      <c r="E28" s="9">
        <v>3601940.2</v>
      </c>
    </row>
  </sheetData>
  <mergeCells count="25">
    <mergeCell ref="F16:F17"/>
    <mergeCell ref="G16:G17"/>
    <mergeCell ref="H16:H17"/>
    <mergeCell ref="I16:I17"/>
    <mergeCell ref="A26:A27"/>
    <mergeCell ref="B26:B27"/>
    <mergeCell ref="C26:C27"/>
    <mergeCell ref="D26:D27"/>
    <mergeCell ref="E26:E27"/>
    <mergeCell ref="A16:A17"/>
    <mergeCell ref="B16:B17"/>
    <mergeCell ref="C16:C17"/>
    <mergeCell ref="D16:D17"/>
    <mergeCell ref="E16:E17"/>
    <mergeCell ref="A9:I9"/>
    <mergeCell ref="A10:A11"/>
    <mergeCell ref="B10:B11"/>
    <mergeCell ref="C10:C11"/>
    <mergeCell ref="D10:D11"/>
    <mergeCell ref="E10:E11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1"/>
  <sheetViews>
    <sheetView showGridLines="0" tabSelected="1" topLeftCell="C67" workbookViewId="0">
      <selection activeCell="L74" sqref="L74"/>
    </sheetView>
  </sheetViews>
  <sheetFormatPr defaultRowHeight="15" x14ac:dyDescent="0.25"/>
  <cols>
    <col min="1" max="1" width="2.7109375" bestFit="1" customWidth="1"/>
    <col min="2" max="2" width="105.140625" customWidth="1"/>
    <col min="3" max="3" width="19" bestFit="1" customWidth="1"/>
    <col min="4" max="4" width="34.140625" bestFit="1" customWidth="1"/>
    <col min="5" max="5" width="22.140625" bestFit="1" customWidth="1"/>
    <col min="6" max="6" width="16" bestFit="1" customWidth="1"/>
    <col min="7" max="7" width="19" bestFit="1" customWidth="1"/>
    <col min="8" max="8" width="12.85546875" bestFit="1" customWidth="1"/>
    <col min="9" max="9" width="17.28515625" bestFit="1" customWidth="1"/>
  </cols>
  <sheetData>
    <row r="3" spans="1:9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</row>
    <row r="4" spans="1:9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</row>
    <row r="5" spans="1:9" x14ac:dyDescent="0.25">
      <c r="A5" s="12" t="s">
        <v>1438</v>
      </c>
      <c r="B5" s="11"/>
      <c r="C5" s="11"/>
      <c r="D5" s="11"/>
      <c r="E5" s="11"/>
      <c r="F5" s="11"/>
      <c r="G5" s="11"/>
      <c r="H5" s="11"/>
      <c r="I5" s="11"/>
    </row>
    <row r="6" spans="1:9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</row>
    <row r="7" spans="1:9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</row>
    <row r="9" spans="1:9" x14ac:dyDescent="0.25">
      <c r="A9" s="13" t="s">
        <v>1439</v>
      </c>
      <c r="B9" s="11"/>
      <c r="C9" s="11"/>
      <c r="D9" s="11"/>
      <c r="E9" s="11"/>
      <c r="F9" s="11"/>
      <c r="G9" s="11"/>
      <c r="H9" s="11"/>
      <c r="I9" s="11"/>
    </row>
    <row r="10" spans="1:9" x14ac:dyDescent="0.25">
      <c r="A10" s="14" t="s">
        <v>6</v>
      </c>
      <c r="B10" s="14" t="s">
        <v>1440</v>
      </c>
      <c r="C10" s="14" t="s">
        <v>9</v>
      </c>
      <c r="D10" s="14" t="s">
        <v>10</v>
      </c>
      <c r="E10" s="14" t="s">
        <v>11</v>
      </c>
      <c r="F10" s="14" t="s">
        <v>11</v>
      </c>
    </row>
    <row r="11" spans="1:9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" t="s">
        <v>465</v>
      </c>
      <c r="F11" s="1" t="s">
        <v>1441</v>
      </c>
    </row>
    <row r="12" spans="1:9" x14ac:dyDescent="0.25">
      <c r="A12" s="5" t="s">
        <v>17</v>
      </c>
      <c r="B12" s="7" t="s">
        <v>1442</v>
      </c>
      <c r="C12" s="8">
        <v>9770909600</v>
      </c>
      <c r="D12" s="8">
        <v>10005855027</v>
      </c>
      <c r="E12" s="8">
        <v>10283635078.040001</v>
      </c>
      <c r="F12" s="8" t="s">
        <v>1132</v>
      </c>
    </row>
    <row r="13" spans="1:9" x14ac:dyDescent="0.25">
      <c r="A13" s="4" t="s">
        <v>21</v>
      </c>
      <c r="B13" s="6" t="s">
        <v>1443</v>
      </c>
      <c r="C13" s="9">
        <v>118137000</v>
      </c>
      <c r="D13" s="9">
        <v>118137000</v>
      </c>
      <c r="E13" s="9">
        <v>161664897.30000001</v>
      </c>
      <c r="F13" s="9" t="s">
        <v>1143</v>
      </c>
    </row>
    <row r="14" spans="1:9" x14ac:dyDescent="0.25">
      <c r="A14" s="4" t="s">
        <v>25</v>
      </c>
      <c r="B14" s="6" t="s">
        <v>1444</v>
      </c>
      <c r="C14" s="9">
        <v>8122737600</v>
      </c>
      <c r="D14" s="9">
        <v>8348683027</v>
      </c>
      <c r="E14" s="9">
        <v>8512359186.5100002</v>
      </c>
      <c r="F14" s="9" t="s">
        <v>1445</v>
      </c>
    </row>
    <row r="15" spans="1:9" x14ac:dyDescent="0.25">
      <c r="A15" s="4" t="s">
        <v>29</v>
      </c>
      <c r="B15" s="6" t="s">
        <v>1446</v>
      </c>
      <c r="C15" s="9">
        <v>599125100</v>
      </c>
      <c r="D15" s="9">
        <v>599125100</v>
      </c>
      <c r="E15" s="9">
        <v>608483978.94000006</v>
      </c>
      <c r="F15" s="9" t="s">
        <v>1149</v>
      </c>
    </row>
    <row r="16" spans="1:9" x14ac:dyDescent="0.25">
      <c r="A16" s="4" t="s">
        <v>33</v>
      </c>
      <c r="B16" s="6" t="s">
        <v>1447</v>
      </c>
      <c r="C16" s="9">
        <v>845793800</v>
      </c>
      <c r="D16" s="9">
        <v>845793800</v>
      </c>
      <c r="E16" s="9">
        <v>902045973.75</v>
      </c>
      <c r="F16" s="9" t="s">
        <v>1153</v>
      </c>
    </row>
    <row r="17" spans="1:6" x14ac:dyDescent="0.25">
      <c r="A17" s="4" t="s">
        <v>37</v>
      </c>
      <c r="B17" s="6" t="s">
        <v>1448</v>
      </c>
      <c r="C17" s="9">
        <v>70710900</v>
      </c>
      <c r="D17" s="9">
        <v>79710900</v>
      </c>
      <c r="E17" s="9">
        <v>60255078.299999997</v>
      </c>
      <c r="F17" s="9" t="s">
        <v>1449</v>
      </c>
    </row>
    <row r="18" spans="1:6" x14ac:dyDescent="0.25">
      <c r="A18" s="4" t="s">
        <v>40</v>
      </c>
      <c r="B18" s="6" t="s">
        <v>1450</v>
      </c>
      <c r="C18" s="9">
        <v>14405200</v>
      </c>
      <c r="D18" s="9">
        <v>14405200</v>
      </c>
      <c r="E18" s="9">
        <v>38825963.240000002</v>
      </c>
      <c r="F18" s="9" t="s">
        <v>1451</v>
      </c>
    </row>
    <row r="19" spans="1:6" x14ac:dyDescent="0.25">
      <c r="A19" s="4" t="s">
        <v>44</v>
      </c>
      <c r="B19" s="6" t="s">
        <v>1452</v>
      </c>
      <c r="C19" s="9">
        <v>0</v>
      </c>
      <c r="D19" s="9">
        <v>0</v>
      </c>
      <c r="E19" s="9">
        <v>0</v>
      </c>
      <c r="F19" s="9" t="s">
        <v>39</v>
      </c>
    </row>
    <row r="20" spans="1:6" x14ac:dyDescent="0.25">
      <c r="A20" s="5" t="s">
        <v>46</v>
      </c>
      <c r="B20" s="7" t="s">
        <v>1453</v>
      </c>
      <c r="C20" s="8">
        <v>1472087700</v>
      </c>
      <c r="D20" s="8">
        <v>1472087700</v>
      </c>
      <c r="E20" s="8">
        <v>1322775889.3399999</v>
      </c>
      <c r="F20" s="8" t="s">
        <v>1454</v>
      </c>
    </row>
    <row r="21" spans="1:6" x14ac:dyDescent="0.25">
      <c r="A21" s="4" t="s">
        <v>48</v>
      </c>
      <c r="B21" s="6" t="s">
        <v>999</v>
      </c>
      <c r="C21" s="9">
        <v>1357944600</v>
      </c>
      <c r="D21" s="9">
        <v>1357944600</v>
      </c>
      <c r="E21" s="9">
        <v>1203598187.1800001</v>
      </c>
      <c r="F21" s="9" t="s">
        <v>1157</v>
      </c>
    </row>
    <row r="22" spans="1:6" x14ac:dyDescent="0.25">
      <c r="A22" s="4" t="s">
        <v>50</v>
      </c>
      <c r="B22" s="6" t="s">
        <v>1455</v>
      </c>
      <c r="C22" s="9">
        <v>93861800</v>
      </c>
      <c r="D22" s="9">
        <v>93861800</v>
      </c>
      <c r="E22" s="9">
        <v>101491340.88</v>
      </c>
      <c r="F22" s="9" t="s">
        <v>1161</v>
      </c>
    </row>
    <row r="23" spans="1:6" x14ac:dyDescent="0.25">
      <c r="A23" s="5" t="s">
        <v>52</v>
      </c>
      <c r="B23" s="7" t="s">
        <v>1456</v>
      </c>
      <c r="C23" s="8">
        <v>20281300</v>
      </c>
      <c r="D23" s="8">
        <v>20281300</v>
      </c>
      <c r="E23" s="8">
        <v>17686361.280000001</v>
      </c>
      <c r="F23" s="8" t="s">
        <v>1159</v>
      </c>
    </row>
    <row r="24" spans="1:6" x14ac:dyDescent="0.25">
      <c r="A24" s="4" t="s">
        <v>56</v>
      </c>
      <c r="B24" s="6" t="s">
        <v>1457</v>
      </c>
      <c r="C24" s="9">
        <v>20281300</v>
      </c>
      <c r="D24" s="9">
        <v>20281300</v>
      </c>
      <c r="E24" s="9">
        <v>17686361.280000001</v>
      </c>
      <c r="F24" s="9" t="s">
        <v>1159</v>
      </c>
    </row>
    <row r="25" spans="1:6" x14ac:dyDescent="0.25">
      <c r="A25" s="4" t="s">
        <v>60</v>
      </c>
      <c r="B25" s="6" t="s">
        <v>1458</v>
      </c>
      <c r="C25" s="9">
        <v>0</v>
      </c>
      <c r="D25" s="9">
        <v>0</v>
      </c>
      <c r="E25" s="9">
        <v>0</v>
      </c>
      <c r="F25" s="9" t="s">
        <v>39</v>
      </c>
    </row>
    <row r="26" spans="1:6" x14ac:dyDescent="0.25">
      <c r="A26" s="5" t="s">
        <v>64</v>
      </c>
      <c r="B26" s="7" t="s">
        <v>1459</v>
      </c>
      <c r="C26" s="8">
        <v>2362019150</v>
      </c>
      <c r="D26" s="8">
        <v>2421380506.75</v>
      </c>
      <c r="E26" s="8">
        <v>2474136426.8899999</v>
      </c>
      <c r="F26" s="8" t="s">
        <v>1460</v>
      </c>
    </row>
    <row r="27" spans="1:6" x14ac:dyDescent="0.25">
      <c r="A27" s="4" t="s">
        <v>66</v>
      </c>
      <c r="B27" s="6" t="s">
        <v>1461</v>
      </c>
      <c r="C27" s="9">
        <v>2024391500</v>
      </c>
      <c r="D27" s="9">
        <v>2082252856.75</v>
      </c>
      <c r="E27" s="9">
        <v>2123449825.28</v>
      </c>
      <c r="F27" s="9" t="s">
        <v>1166</v>
      </c>
    </row>
    <row r="28" spans="1:6" x14ac:dyDescent="0.25">
      <c r="A28" s="4" t="s">
        <v>70</v>
      </c>
      <c r="B28" s="6" t="s">
        <v>1462</v>
      </c>
      <c r="C28" s="9">
        <v>314162200</v>
      </c>
      <c r="D28" s="9">
        <v>315662200</v>
      </c>
      <c r="E28" s="9">
        <v>325313766.38999999</v>
      </c>
      <c r="F28" s="9" t="s">
        <v>1147</v>
      </c>
    </row>
    <row r="29" spans="1:6" x14ac:dyDescent="0.25">
      <c r="A29" s="4" t="s">
        <v>72</v>
      </c>
      <c r="B29" s="6" t="s">
        <v>1463</v>
      </c>
      <c r="C29" s="9">
        <v>23465450</v>
      </c>
      <c r="D29" s="9">
        <v>23465450</v>
      </c>
      <c r="E29" s="9">
        <v>25372835.219999999</v>
      </c>
      <c r="F29" s="9" t="s">
        <v>1161</v>
      </c>
    </row>
    <row r="30" spans="1:6" x14ac:dyDescent="0.25">
      <c r="A30" s="5" t="s">
        <v>76</v>
      </c>
      <c r="B30" s="7" t="s">
        <v>1464</v>
      </c>
      <c r="C30" s="8">
        <v>8880978150</v>
      </c>
      <c r="D30" s="8">
        <v>9056562220.25</v>
      </c>
      <c r="E30" s="8">
        <v>9132274540.4899998</v>
      </c>
      <c r="F30" s="8" t="s">
        <v>1170</v>
      </c>
    </row>
    <row r="32" spans="1:6" x14ac:dyDescent="0.25">
      <c r="A32" s="14" t="s">
        <v>6</v>
      </c>
      <c r="B32" s="14" t="s">
        <v>1465</v>
      </c>
      <c r="C32" s="14" t="s">
        <v>9</v>
      </c>
      <c r="D32" s="14" t="s">
        <v>1466</v>
      </c>
      <c r="E32" s="14" t="s">
        <v>11</v>
      </c>
      <c r="F32" s="14" t="s">
        <v>11</v>
      </c>
    </row>
    <row r="33" spans="1:9" x14ac:dyDescent="0.25">
      <c r="A33" s="14" t="s">
        <v>7</v>
      </c>
      <c r="B33" s="14" t="s">
        <v>7</v>
      </c>
      <c r="C33" s="14" t="s">
        <v>7</v>
      </c>
      <c r="D33" s="14" t="s">
        <v>7</v>
      </c>
      <c r="E33" s="1" t="s">
        <v>468</v>
      </c>
      <c r="F33" s="1" t="s">
        <v>1467</v>
      </c>
    </row>
    <row r="34" spans="1:9" x14ac:dyDescent="0.25">
      <c r="A34" s="5" t="s">
        <v>78</v>
      </c>
      <c r="B34" s="7" t="s">
        <v>1468</v>
      </c>
      <c r="C34" s="8">
        <v>334256700</v>
      </c>
      <c r="D34" s="8">
        <v>334256700</v>
      </c>
      <c r="E34" s="8">
        <v>230474277.34999999</v>
      </c>
      <c r="F34" s="8" t="s">
        <v>1469</v>
      </c>
    </row>
    <row r="35" spans="1:9" x14ac:dyDescent="0.25">
      <c r="A35" s="4" t="s">
        <v>80</v>
      </c>
      <c r="B35" s="6" t="s">
        <v>1470</v>
      </c>
      <c r="C35" s="9">
        <v>257587000</v>
      </c>
      <c r="D35" s="9">
        <v>257587000</v>
      </c>
      <c r="E35" s="9">
        <v>170754970.84</v>
      </c>
      <c r="F35" s="9" t="s">
        <v>1471</v>
      </c>
    </row>
    <row r="36" spans="1:9" x14ac:dyDescent="0.25">
      <c r="A36" s="4" t="s">
        <v>82</v>
      </c>
      <c r="B36" s="6" t="s">
        <v>1472</v>
      </c>
      <c r="C36" s="9">
        <v>0</v>
      </c>
      <c r="D36" s="9">
        <v>0</v>
      </c>
      <c r="E36" s="9">
        <v>0</v>
      </c>
      <c r="F36" s="9" t="s">
        <v>39</v>
      </c>
    </row>
    <row r="37" spans="1:9" x14ac:dyDescent="0.25">
      <c r="A37" s="4" t="s">
        <v>86</v>
      </c>
      <c r="B37" s="6" t="s">
        <v>1473</v>
      </c>
      <c r="C37" s="9">
        <v>0</v>
      </c>
      <c r="D37" s="9">
        <v>0</v>
      </c>
      <c r="E37" s="9">
        <v>0</v>
      </c>
      <c r="F37" s="9" t="s">
        <v>39</v>
      </c>
    </row>
    <row r="38" spans="1:9" x14ac:dyDescent="0.25">
      <c r="A38" s="4" t="s">
        <v>90</v>
      </c>
      <c r="B38" s="6" t="s">
        <v>1474</v>
      </c>
      <c r="C38" s="9">
        <v>76669700</v>
      </c>
      <c r="D38" s="9">
        <v>76669700</v>
      </c>
      <c r="E38" s="9">
        <v>59719306.509999998</v>
      </c>
      <c r="F38" s="9" t="s">
        <v>1475</v>
      </c>
    </row>
    <row r="39" spans="1:9" x14ac:dyDescent="0.25">
      <c r="A39" s="4" t="s">
        <v>94</v>
      </c>
      <c r="B39" s="6" t="s">
        <v>1476</v>
      </c>
      <c r="C39" s="9">
        <v>150000</v>
      </c>
      <c r="D39" s="9">
        <v>150000</v>
      </c>
      <c r="E39" s="9">
        <v>244600</v>
      </c>
      <c r="F39" s="9" t="s">
        <v>1477</v>
      </c>
    </row>
    <row r="40" spans="1:9" x14ac:dyDescent="0.25">
      <c r="A40" s="4" t="s">
        <v>98</v>
      </c>
      <c r="B40" s="6" t="s">
        <v>1478</v>
      </c>
      <c r="C40" s="9">
        <v>0</v>
      </c>
      <c r="D40" s="9">
        <v>0</v>
      </c>
      <c r="E40" s="9">
        <v>0</v>
      </c>
      <c r="F40" s="9" t="s">
        <v>39</v>
      </c>
    </row>
    <row r="41" spans="1:9" x14ac:dyDescent="0.25">
      <c r="A41" s="4" t="s">
        <v>100</v>
      </c>
      <c r="B41" s="6" t="s">
        <v>1479</v>
      </c>
      <c r="C41" s="9">
        <v>81000</v>
      </c>
      <c r="D41" s="9">
        <v>81000</v>
      </c>
      <c r="E41" s="9">
        <v>22046.33</v>
      </c>
      <c r="F41" s="9" t="s">
        <v>1480</v>
      </c>
    </row>
    <row r="42" spans="1:9" x14ac:dyDescent="0.25">
      <c r="A42" s="5" t="s">
        <v>104</v>
      </c>
      <c r="B42" s="7" t="s">
        <v>1481</v>
      </c>
      <c r="C42" s="8">
        <v>334487700</v>
      </c>
      <c r="D42" s="8">
        <v>334487700</v>
      </c>
      <c r="E42" s="8">
        <v>230740923.68000001</v>
      </c>
      <c r="F42" s="8" t="s">
        <v>1482</v>
      </c>
    </row>
    <row r="44" spans="1:9" x14ac:dyDescent="0.25">
      <c r="A44" s="14" t="s">
        <v>6</v>
      </c>
      <c r="B44" s="14" t="s">
        <v>1483</v>
      </c>
      <c r="C44" s="14" t="s">
        <v>463</v>
      </c>
      <c r="D44" s="14" t="s">
        <v>249</v>
      </c>
      <c r="E44" s="14" t="s">
        <v>250</v>
      </c>
      <c r="F44" s="14" t="s">
        <v>7</v>
      </c>
      <c r="G44" s="14" t="s">
        <v>254</v>
      </c>
      <c r="H44" s="14" t="s">
        <v>7</v>
      </c>
      <c r="I44" s="14" t="s">
        <v>1486</v>
      </c>
    </row>
    <row r="45" spans="1:9" ht="21" x14ac:dyDescent="0.25">
      <c r="A45" s="14" t="s">
        <v>7</v>
      </c>
      <c r="B45" s="14" t="s">
        <v>7</v>
      </c>
      <c r="C45" s="14" t="s">
        <v>7</v>
      </c>
      <c r="D45" s="14" t="s">
        <v>7</v>
      </c>
      <c r="E45" s="1" t="s">
        <v>252</v>
      </c>
      <c r="F45" s="1" t="s">
        <v>1484</v>
      </c>
      <c r="G45" s="1" t="s">
        <v>1215</v>
      </c>
      <c r="H45" s="1" t="s">
        <v>1485</v>
      </c>
      <c r="I45" s="14" t="s">
        <v>7</v>
      </c>
    </row>
    <row r="46" spans="1:9" x14ac:dyDescent="0.25">
      <c r="A46" s="5" t="s">
        <v>108</v>
      </c>
      <c r="B46" s="7" t="s">
        <v>443</v>
      </c>
      <c r="C46" s="8">
        <v>1252388500</v>
      </c>
      <c r="D46" s="8">
        <v>1626769966.0999999</v>
      </c>
      <c r="E46" s="8">
        <v>1487466128.24</v>
      </c>
      <c r="F46" s="8" t="s">
        <v>1487</v>
      </c>
      <c r="G46" s="8">
        <v>1359184317.95</v>
      </c>
      <c r="H46" s="8" t="s">
        <v>1488</v>
      </c>
      <c r="I46" s="8">
        <v>128281810.29000001</v>
      </c>
    </row>
    <row r="47" spans="1:9" x14ac:dyDescent="0.25">
      <c r="A47" s="4" t="s">
        <v>112</v>
      </c>
      <c r="B47" s="6" t="s">
        <v>1489</v>
      </c>
      <c r="C47" s="9">
        <v>379518800</v>
      </c>
      <c r="D47" s="9">
        <v>403628501.35000002</v>
      </c>
      <c r="E47" s="9">
        <v>377043379.86000001</v>
      </c>
      <c r="F47" s="9" t="s">
        <v>1490</v>
      </c>
      <c r="G47" s="9">
        <v>376728971.31999999</v>
      </c>
      <c r="H47" s="9" t="s">
        <v>1491</v>
      </c>
      <c r="I47" s="9">
        <v>314408.53999999998</v>
      </c>
    </row>
    <row r="48" spans="1:9" x14ac:dyDescent="0.25">
      <c r="A48" s="4" t="s">
        <v>114</v>
      </c>
      <c r="B48" s="6" t="s">
        <v>1492</v>
      </c>
      <c r="C48" s="9">
        <v>1301100</v>
      </c>
      <c r="D48" s="9">
        <v>277209</v>
      </c>
      <c r="E48" s="9">
        <v>275736.59000000003</v>
      </c>
      <c r="F48" s="9" t="s">
        <v>1493</v>
      </c>
      <c r="G48" s="9">
        <v>275736.59000000003</v>
      </c>
      <c r="H48" s="9" t="s">
        <v>1493</v>
      </c>
      <c r="I48" s="9">
        <v>0</v>
      </c>
    </row>
    <row r="49" spans="1:9" x14ac:dyDescent="0.25">
      <c r="A49" s="4" t="s">
        <v>118</v>
      </c>
      <c r="B49" s="6" t="s">
        <v>1494</v>
      </c>
      <c r="C49" s="9">
        <v>871568600</v>
      </c>
      <c r="D49" s="9">
        <v>1222864255.75</v>
      </c>
      <c r="E49" s="9">
        <v>1110147011.79</v>
      </c>
      <c r="F49" s="9" t="s">
        <v>1495</v>
      </c>
      <c r="G49" s="9">
        <v>982179610.03999996</v>
      </c>
      <c r="H49" s="9" t="s">
        <v>1496</v>
      </c>
      <c r="I49" s="9">
        <v>127967401.75</v>
      </c>
    </row>
    <row r="50" spans="1:9" x14ac:dyDescent="0.25">
      <c r="A50" s="5" t="s">
        <v>122</v>
      </c>
      <c r="B50" s="7" t="s">
        <v>451</v>
      </c>
      <c r="C50" s="8">
        <v>148749400</v>
      </c>
      <c r="D50" s="8">
        <v>109485793.28</v>
      </c>
      <c r="E50" s="8">
        <v>42219335.380000003</v>
      </c>
      <c r="F50" s="8" t="s">
        <v>1497</v>
      </c>
      <c r="G50" s="8">
        <v>28354404.09</v>
      </c>
      <c r="H50" s="8" t="s">
        <v>1498</v>
      </c>
      <c r="I50" s="8">
        <v>13864931.289999999</v>
      </c>
    </row>
    <row r="51" spans="1:9" x14ac:dyDescent="0.25">
      <c r="A51" s="4" t="s">
        <v>126</v>
      </c>
      <c r="B51" s="6" t="s">
        <v>1428</v>
      </c>
      <c r="C51" s="9">
        <v>145708500</v>
      </c>
      <c r="D51" s="9">
        <v>108996907.28</v>
      </c>
      <c r="E51" s="9">
        <v>41747386.920000002</v>
      </c>
      <c r="F51" s="9" t="s">
        <v>1499</v>
      </c>
      <c r="G51" s="9">
        <v>27882455.629999999</v>
      </c>
      <c r="H51" s="9" t="s">
        <v>1500</v>
      </c>
      <c r="I51" s="9">
        <v>13864931.289999999</v>
      </c>
    </row>
    <row r="52" spans="1:9" x14ac:dyDescent="0.25">
      <c r="A52" s="4" t="s">
        <v>129</v>
      </c>
      <c r="B52" s="6" t="s">
        <v>1429</v>
      </c>
      <c r="C52" s="9">
        <v>500</v>
      </c>
      <c r="D52" s="9">
        <v>500</v>
      </c>
      <c r="E52" s="9">
        <v>0</v>
      </c>
      <c r="F52" s="9" t="s">
        <v>39</v>
      </c>
      <c r="G52" s="9">
        <v>0</v>
      </c>
      <c r="H52" s="9" t="s">
        <v>39</v>
      </c>
      <c r="I52" s="9">
        <v>0</v>
      </c>
    </row>
    <row r="53" spans="1:9" x14ac:dyDescent="0.25">
      <c r="A53" s="4" t="s">
        <v>131</v>
      </c>
      <c r="B53" s="6" t="s">
        <v>1430</v>
      </c>
      <c r="C53" s="9">
        <v>3040400</v>
      </c>
      <c r="D53" s="9">
        <v>488386</v>
      </c>
      <c r="E53" s="9">
        <v>471948.46</v>
      </c>
      <c r="F53" s="9" t="s">
        <v>1501</v>
      </c>
      <c r="G53" s="9">
        <v>471948.46</v>
      </c>
      <c r="H53" s="9" t="s">
        <v>1501</v>
      </c>
      <c r="I53" s="9">
        <v>0</v>
      </c>
    </row>
    <row r="54" spans="1:9" x14ac:dyDescent="0.25">
      <c r="A54" s="5" t="s">
        <v>133</v>
      </c>
      <c r="B54" s="7" t="s">
        <v>1502</v>
      </c>
      <c r="C54" s="8">
        <v>1401137900</v>
      </c>
      <c r="D54" s="8">
        <v>1736255759.3800001</v>
      </c>
      <c r="E54" s="8">
        <v>1529685463.6199999</v>
      </c>
      <c r="F54" s="8" t="s">
        <v>1503</v>
      </c>
      <c r="G54" s="8">
        <v>1387538722.04</v>
      </c>
      <c r="H54" s="8" t="s">
        <v>1504</v>
      </c>
      <c r="I54" s="8">
        <v>142146741.58000001</v>
      </c>
    </row>
    <row r="56" spans="1:9" x14ac:dyDescent="0.25">
      <c r="A56" s="14" t="s">
        <v>6</v>
      </c>
      <c r="B56" s="14" t="s">
        <v>1505</v>
      </c>
      <c r="C56" s="14" t="s">
        <v>463</v>
      </c>
      <c r="D56" s="14" t="s">
        <v>922</v>
      </c>
      <c r="E56" s="14" t="s">
        <v>250</v>
      </c>
      <c r="F56" s="14" t="s">
        <v>7</v>
      </c>
      <c r="G56" s="14" t="s">
        <v>254</v>
      </c>
      <c r="H56" s="14" t="s">
        <v>7</v>
      </c>
      <c r="I56" s="14" t="s">
        <v>1486</v>
      </c>
    </row>
    <row r="57" spans="1:9" ht="21" x14ac:dyDescent="0.25">
      <c r="A57" s="14" t="s">
        <v>7</v>
      </c>
      <c r="B57" s="14" t="s">
        <v>7</v>
      </c>
      <c r="C57" s="14" t="s">
        <v>7</v>
      </c>
      <c r="D57" s="14" t="s">
        <v>7</v>
      </c>
      <c r="E57" s="1" t="s">
        <v>256</v>
      </c>
      <c r="F57" s="1" t="s">
        <v>1506</v>
      </c>
      <c r="G57" s="1" t="s">
        <v>1507</v>
      </c>
      <c r="H57" s="1" t="s">
        <v>1508</v>
      </c>
      <c r="I57" s="14" t="s">
        <v>7</v>
      </c>
    </row>
    <row r="58" spans="1:9" x14ac:dyDescent="0.25">
      <c r="A58" s="4" t="s">
        <v>137</v>
      </c>
      <c r="B58" s="6" t="s">
        <v>1509</v>
      </c>
      <c r="C58" s="9">
        <v>0</v>
      </c>
      <c r="D58" s="9">
        <v>0</v>
      </c>
      <c r="E58" s="9">
        <v>0</v>
      </c>
      <c r="F58" s="9" t="s">
        <v>39</v>
      </c>
      <c r="G58" s="9">
        <v>0</v>
      </c>
      <c r="H58" s="9" t="s">
        <v>39</v>
      </c>
      <c r="I58" s="9">
        <v>0</v>
      </c>
    </row>
    <row r="59" spans="1:9" x14ac:dyDescent="0.25">
      <c r="A59" s="4" t="s">
        <v>141</v>
      </c>
      <c r="B59" s="6" t="s">
        <v>1510</v>
      </c>
      <c r="C59" s="9">
        <v>0</v>
      </c>
      <c r="D59" s="9">
        <v>0</v>
      </c>
      <c r="E59" s="9">
        <v>0</v>
      </c>
      <c r="F59" s="9" t="s">
        <v>39</v>
      </c>
      <c r="G59" s="9">
        <v>0</v>
      </c>
      <c r="H59" s="9" t="s">
        <v>39</v>
      </c>
      <c r="I59" s="9">
        <v>0</v>
      </c>
    </row>
    <row r="60" spans="1:9" x14ac:dyDescent="0.25">
      <c r="A60" s="5" t="s">
        <v>145</v>
      </c>
      <c r="B60" s="7" t="s">
        <v>1511</v>
      </c>
      <c r="C60" s="8">
        <v>334487700</v>
      </c>
      <c r="D60" s="8">
        <v>364687700</v>
      </c>
      <c r="E60" s="8">
        <v>235970339.97999999</v>
      </c>
      <c r="F60" s="8" t="s">
        <v>1512</v>
      </c>
      <c r="G60" s="8">
        <v>206176183.87</v>
      </c>
      <c r="H60" s="8" t="s">
        <v>1513</v>
      </c>
      <c r="I60" s="8">
        <v>29794156.109999999</v>
      </c>
    </row>
    <row r="61" spans="1:9" x14ac:dyDescent="0.25">
      <c r="A61" s="4" t="s">
        <v>147</v>
      </c>
      <c r="B61" s="6" t="s">
        <v>1514</v>
      </c>
      <c r="C61" s="9">
        <v>262700000</v>
      </c>
      <c r="D61" s="9">
        <v>282900000</v>
      </c>
      <c r="E61" s="9">
        <v>167997428.77000001</v>
      </c>
      <c r="F61" s="9" t="s">
        <v>1515</v>
      </c>
      <c r="G61" s="9">
        <v>146956763.33000001</v>
      </c>
      <c r="H61" s="9" t="s">
        <v>1516</v>
      </c>
      <c r="I61" s="9">
        <v>21040665.440000001</v>
      </c>
    </row>
    <row r="62" spans="1:9" x14ac:dyDescent="0.25">
      <c r="A62" s="4" t="s">
        <v>151</v>
      </c>
      <c r="B62" s="6" t="s">
        <v>1517</v>
      </c>
      <c r="C62" s="9">
        <v>0</v>
      </c>
      <c r="D62" s="9">
        <v>10000000</v>
      </c>
      <c r="E62" s="9">
        <v>10000000</v>
      </c>
      <c r="F62" s="9" t="s">
        <v>1518</v>
      </c>
      <c r="G62" s="9">
        <v>7835302.6399999997</v>
      </c>
      <c r="H62" s="9" t="s">
        <v>679</v>
      </c>
      <c r="I62" s="9">
        <v>2164697.36</v>
      </c>
    </row>
    <row r="63" spans="1:9" x14ac:dyDescent="0.25">
      <c r="A63" s="4" t="s">
        <v>155</v>
      </c>
      <c r="B63" s="6" t="s">
        <v>1519</v>
      </c>
      <c r="C63" s="9">
        <v>71787700</v>
      </c>
      <c r="D63" s="9">
        <v>71787700</v>
      </c>
      <c r="E63" s="9">
        <v>57972911.210000001</v>
      </c>
      <c r="F63" s="9" t="s">
        <v>1520</v>
      </c>
      <c r="G63" s="9">
        <v>51384117.899999999</v>
      </c>
      <c r="H63" s="9" t="s">
        <v>1521</v>
      </c>
      <c r="I63" s="9">
        <v>6588793.3099999996</v>
      </c>
    </row>
    <row r="64" spans="1:9" x14ac:dyDescent="0.25">
      <c r="A64" s="4" t="s">
        <v>158</v>
      </c>
      <c r="B64" s="6" t="s">
        <v>1522</v>
      </c>
      <c r="C64" s="9">
        <v>0</v>
      </c>
      <c r="D64" s="9">
        <v>0</v>
      </c>
      <c r="E64" s="9">
        <v>0</v>
      </c>
      <c r="F64" s="9" t="s">
        <v>39</v>
      </c>
      <c r="G64" s="9">
        <v>0</v>
      </c>
      <c r="H64" s="9" t="s">
        <v>39</v>
      </c>
      <c r="I64" s="9">
        <v>0</v>
      </c>
    </row>
    <row r="65" spans="1:9" x14ac:dyDescent="0.25">
      <c r="A65" s="4" t="s">
        <v>161</v>
      </c>
      <c r="B65" s="6" t="s">
        <v>1523</v>
      </c>
      <c r="C65" s="9">
        <v>0</v>
      </c>
      <c r="D65" s="9">
        <v>0</v>
      </c>
      <c r="E65" s="9">
        <v>0</v>
      </c>
      <c r="F65" s="9" t="s">
        <v>39</v>
      </c>
      <c r="G65" s="9">
        <v>0</v>
      </c>
      <c r="H65" s="9" t="s">
        <v>39</v>
      </c>
      <c r="I65" s="9">
        <v>0</v>
      </c>
    </row>
    <row r="66" spans="1:9" x14ac:dyDescent="0.25">
      <c r="A66" s="4" t="s">
        <v>163</v>
      </c>
      <c r="B66" s="6" t="s">
        <v>1524</v>
      </c>
      <c r="C66" s="9">
        <v>0</v>
      </c>
      <c r="D66" s="9">
        <v>0</v>
      </c>
      <c r="E66" s="9">
        <v>0</v>
      </c>
      <c r="F66" s="9" t="s">
        <v>39</v>
      </c>
      <c r="G66" s="9">
        <v>0</v>
      </c>
      <c r="H66" s="9" t="s">
        <v>39</v>
      </c>
      <c r="I66" s="9">
        <v>0</v>
      </c>
    </row>
    <row r="67" spans="1:9" x14ac:dyDescent="0.25">
      <c r="A67" s="4" t="s">
        <v>167</v>
      </c>
      <c r="B67" s="6" t="s">
        <v>1525</v>
      </c>
      <c r="C67" s="9">
        <v>0</v>
      </c>
      <c r="D67" s="9">
        <v>0</v>
      </c>
      <c r="E67" s="9">
        <v>0</v>
      </c>
      <c r="F67" s="9" t="s">
        <v>39</v>
      </c>
      <c r="G67" s="9">
        <v>0</v>
      </c>
      <c r="H67" s="9" t="s">
        <v>39</v>
      </c>
      <c r="I67" s="9">
        <v>0</v>
      </c>
    </row>
    <row r="68" spans="1:9" x14ac:dyDescent="0.25">
      <c r="A68" s="5" t="s">
        <v>171</v>
      </c>
      <c r="B68" s="7" t="s">
        <v>1526</v>
      </c>
      <c r="C68" s="8">
        <v>334487700</v>
      </c>
      <c r="D68" s="8">
        <v>364687700</v>
      </c>
      <c r="E68" s="8">
        <v>235970339.97999999</v>
      </c>
      <c r="F68" s="8" t="s">
        <v>1512</v>
      </c>
      <c r="G68" s="8">
        <v>206176183.87</v>
      </c>
      <c r="H68" s="8" t="s">
        <v>1513</v>
      </c>
      <c r="I68" s="8">
        <v>29794156.109999999</v>
      </c>
    </row>
    <row r="70" spans="1:9" x14ac:dyDescent="0.25">
      <c r="A70" s="14" t="s">
        <v>6</v>
      </c>
      <c r="B70" s="14" t="s">
        <v>1527</v>
      </c>
      <c r="C70" s="14" t="s">
        <v>463</v>
      </c>
      <c r="D70" s="14" t="s">
        <v>922</v>
      </c>
      <c r="E70" s="14" t="s">
        <v>250</v>
      </c>
      <c r="F70" s="14" t="s">
        <v>7</v>
      </c>
      <c r="G70" s="14" t="s">
        <v>254</v>
      </c>
      <c r="H70" s="14" t="s">
        <v>7</v>
      </c>
      <c r="I70" s="14" t="s">
        <v>1486</v>
      </c>
    </row>
    <row r="71" spans="1:9" ht="21" x14ac:dyDescent="0.25">
      <c r="A71" s="14" t="s">
        <v>7</v>
      </c>
      <c r="B71" s="14" t="s">
        <v>7</v>
      </c>
      <c r="C71" s="14" t="s">
        <v>7</v>
      </c>
      <c r="D71" s="14" t="s">
        <v>7</v>
      </c>
      <c r="E71" s="1" t="s">
        <v>256</v>
      </c>
      <c r="F71" s="1" t="s">
        <v>1528</v>
      </c>
      <c r="G71" s="1" t="s">
        <v>1507</v>
      </c>
      <c r="H71" s="1" t="s">
        <v>1529</v>
      </c>
      <c r="I71" s="14" t="s">
        <v>7</v>
      </c>
    </row>
    <row r="72" spans="1:9" x14ac:dyDescent="0.25">
      <c r="A72" s="4" t="s">
        <v>175</v>
      </c>
      <c r="B72" s="6" t="s">
        <v>1530</v>
      </c>
      <c r="C72" s="9">
        <v>1066650200</v>
      </c>
      <c r="D72" s="9">
        <v>1371568059.3800001</v>
      </c>
      <c r="E72" s="9">
        <v>1293715123.6400001</v>
      </c>
      <c r="F72" s="9" t="s">
        <v>1531</v>
      </c>
      <c r="G72" s="9">
        <v>1181362538.1700001</v>
      </c>
      <c r="H72" s="9" t="s">
        <v>1531</v>
      </c>
      <c r="I72" s="9">
        <v>112352585.47</v>
      </c>
    </row>
    <row r="74" spans="1:9" x14ac:dyDescent="0.25">
      <c r="A74" s="14" t="s">
        <v>6</v>
      </c>
      <c r="B74" s="14" t="s">
        <v>1532</v>
      </c>
      <c r="C74" s="14" t="s">
        <v>1046</v>
      </c>
    </row>
    <row r="75" spans="1:9" x14ac:dyDescent="0.25">
      <c r="A75" s="14" t="s">
        <v>7</v>
      </c>
      <c r="B75" s="14" t="s">
        <v>7</v>
      </c>
      <c r="C75" s="14" t="s">
        <v>7</v>
      </c>
    </row>
    <row r="76" spans="1:9" x14ac:dyDescent="0.25">
      <c r="A76" s="4" t="s">
        <v>177</v>
      </c>
      <c r="B76" s="6" t="s">
        <v>1533</v>
      </c>
      <c r="C76" s="2" t="s">
        <v>110</v>
      </c>
    </row>
    <row r="78" spans="1:9" x14ac:dyDescent="0.25">
      <c r="A78" s="14" t="s">
        <v>6</v>
      </c>
      <c r="B78" s="14" t="s">
        <v>1534</v>
      </c>
      <c r="C78" s="14" t="s">
        <v>1046</v>
      </c>
    </row>
    <row r="79" spans="1:9" x14ac:dyDescent="0.25">
      <c r="A79" s="14" t="s">
        <v>7</v>
      </c>
      <c r="B79" s="14" t="s">
        <v>7</v>
      </c>
      <c r="C79" s="14" t="s">
        <v>7</v>
      </c>
    </row>
    <row r="80" spans="1:9" x14ac:dyDescent="0.25">
      <c r="A80" s="4" t="s">
        <v>181</v>
      </c>
      <c r="B80" s="6" t="s">
        <v>1535</v>
      </c>
      <c r="C80" s="9">
        <v>197842178.78</v>
      </c>
    </row>
    <row r="82" spans="1:7" x14ac:dyDescent="0.25">
      <c r="A82" s="14" t="s">
        <v>6</v>
      </c>
      <c r="B82" s="14" t="s">
        <v>1536</v>
      </c>
      <c r="C82" s="14" t="s">
        <v>1537</v>
      </c>
      <c r="D82" s="14" t="s">
        <v>1538</v>
      </c>
      <c r="E82" s="14" t="s">
        <v>1539</v>
      </c>
      <c r="F82" s="14" t="s">
        <v>1540</v>
      </c>
      <c r="G82" s="14" t="s">
        <v>1541</v>
      </c>
    </row>
    <row r="83" spans="1:7" x14ac:dyDescent="0.25">
      <c r="A83" s="14" t="s">
        <v>7</v>
      </c>
      <c r="B83" s="14" t="s">
        <v>7</v>
      </c>
      <c r="C83" s="14" t="s">
        <v>7</v>
      </c>
      <c r="D83" s="14" t="s">
        <v>7</v>
      </c>
      <c r="E83" s="14" t="s">
        <v>7</v>
      </c>
      <c r="F83" s="14" t="s">
        <v>7</v>
      </c>
      <c r="G83" s="14" t="s">
        <v>7</v>
      </c>
    </row>
    <row r="84" spans="1:7" x14ac:dyDescent="0.25">
      <c r="A84" s="4" t="s">
        <v>185</v>
      </c>
      <c r="B84" s="6" t="s">
        <v>1542</v>
      </c>
      <c r="C84" s="9">
        <v>0</v>
      </c>
      <c r="D84" s="9">
        <v>0</v>
      </c>
      <c r="E84" s="9">
        <v>0</v>
      </c>
      <c r="F84" s="9">
        <v>0</v>
      </c>
      <c r="G84" s="9" t="s">
        <v>39</v>
      </c>
    </row>
    <row r="85" spans="1:7" x14ac:dyDescent="0.25">
      <c r="A85" s="4" t="s">
        <v>188</v>
      </c>
      <c r="B85" s="6" t="s">
        <v>1543</v>
      </c>
      <c r="C85" s="9">
        <v>223484032.63999999</v>
      </c>
      <c r="D85" s="9">
        <v>23321507.399999999</v>
      </c>
      <c r="E85" s="9">
        <v>145573797.06</v>
      </c>
      <c r="F85" s="9">
        <v>54588728.18</v>
      </c>
      <c r="G85" s="9" t="s">
        <v>39</v>
      </c>
    </row>
    <row r="86" spans="1:7" x14ac:dyDescent="0.25">
      <c r="A86" s="4" t="s">
        <v>191</v>
      </c>
      <c r="B86" s="6" t="s">
        <v>1544</v>
      </c>
      <c r="C86" s="9">
        <v>5691153.4699999997</v>
      </c>
      <c r="D86" s="9">
        <v>233976.86</v>
      </c>
      <c r="E86" s="9">
        <v>2723909.7</v>
      </c>
      <c r="F86" s="9">
        <v>2733266.91</v>
      </c>
      <c r="G86" s="9" t="s">
        <v>39</v>
      </c>
    </row>
    <row r="87" spans="1:7" x14ac:dyDescent="0.25">
      <c r="A87" s="4" t="s">
        <v>194</v>
      </c>
      <c r="B87" s="6" t="s">
        <v>1545</v>
      </c>
      <c r="C87" s="9">
        <v>6761047.5899999999</v>
      </c>
      <c r="D87" s="9">
        <v>500000</v>
      </c>
      <c r="E87" s="9">
        <v>1240</v>
      </c>
      <c r="F87" s="9">
        <v>6259807.5899999999</v>
      </c>
      <c r="G87" s="9" t="s">
        <v>39</v>
      </c>
    </row>
    <row r="88" spans="1:7" x14ac:dyDescent="0.25">
      <c r="A88" s="4" t="s">
        <v>197</v>
      </c>
      <c r="B88" s="6" t="s">
        <v>1546</v>
      </c>
      <c r="C88" s="9">
        <v>1865122.3</v>
      </c>
      <c r="D88" s="9">
        <v>0</v>
      </c>
      <c r="E88" s="9">
        <v>153405.96</v>
      </c>
      <c r="F88" s="9">
        <v>1711716.34</v>
      </c>
      <c r="G88" s="9" t="s">
        <v>39</v>
      </c>
    </row>
    <row r="89" spans="1:7" x14ac:dyDescent="0.25">
      <c r="A89" s="4" t="s">
        <v>198</v>
      </c>
      <c r="B89" s="6" t="s">
        <v>1547</v>
      </c>
      <c r="C89" s="9">
        <v>5691153.4699999997</v>
      </c>
      <c r="D89" s="9">
        <v>699123.57</v>
      </c>
      <c r="E89" s="9">
        <v>0</v>
      </c>
      <c r="F89" s="9">
        <v>4992029.9000000004</v>
      </c>
      <c r="G89" s="9" t="s">
        <v>39</v>
      </c>
    </row>
    <row r="90" spans="1:7" x14ac:dyDescent="0.25">
      <c r="A90" s="5" t="s">
        <v>199</v>
      </c>
      <c r="B90" s="7" t="s">
        <v>1548</v>
      </c>
      <c r="C90" s="8">
        <v>243492509.47</v>
      </c>
      <c r="D90" s="8">
        <v>24754607.829999998</v>
      </c>
      <c r="E90" s="8">
        <v>148452352.72</v>
      </c>
      <c r="F90" s="8">
        <v>70285548.920000002</v>
      </c>
      <c r="G90" s="8" t="s">
        <v>39</v>
      </c>
    </row>
    <row r="92" spans="1:7" x14ac:dyDescent="0.25">
      <c r="A92" s="14" t="s">
        <v>6</v>
      </c>
      <c r="B92" s="14" t="s">
        <v>1549</v>
      </c>
      <c r="C92" s="14" t="s">
        <v>1550</v>
      </c>
      <c r="D92" s="14" t="s">
        <v>7</v>
      </c>
      <c r="E92" s="14" t="s">
        <v>1550</v>
      </c>
    </row>
    <row r="93" spans="1:7" ht="21" x14ac:dyDescent="0.25">
      <c r="A93" s="14" t="s">
        <v>7</v>
      </c>
      <c r="B93" s="14" t="s">
        <v>7</v>
      </c>
      <c r="C93" s="1" t="s">
        <v>1551</v>
      </c>
      <c r="D93" s="1" t="s">
        <v>1552</v>
      </c>
      <c r="E93" s="1" t="s">
        <v>1553</v>
      </c>
    </row>
    <row r="94" spans="1:7" x14ac:dyDescent="0.25">
      <c r="A94" s="4" t="s">
        <v>200</v>
      </c>
      <c r="B94" s="6" t="s">
        <v>1554</v>
      </c>
      <c r="C94" s="2" t="s">
        <v>39</v>
      </c>
      <c r="D94" s="2" t="s">
        <v>39</v>
      </c>
      <c r="E94" s="2" t="s">
        <v>39</v>
      </c>
    </row>
    <row r="95" spans="1:7" x14ac:dyDescent="0.25">
      <c r="A95" s="4" t="s">
        <v>201</v>
      </c>
      <c r="B95" s="6" t="s">
        <v>1555</v>
      </c>
      <c r="C95" s="2" t="s">
        <v>39</v>
      </c>
      <c r="D95" s="2" t="s">
        <v>39</v>
      </c>
      <c r="E95" s="2" t="s">
        <v>39</v>
      </c>
    </row>
    <row r="96" spans="1:7" x14ac:dyDescent="0.25">
      <c r="A96" s="4" t="s">
        <v>204</v>
      </c>
      <c r="B96" s="6" t="s">
        <v>1556</v>
      </c>
      <c r="C96" s="2" t="s">
        <v>39</v>
      </c>
      <c r="D96" s="2" t="s">
        <v>39</v>
      </c>
      <c r="E96" s="2" t="s">
        <v>39</v>
      </c>
    </row>
    <row r="97" spans="1:9" x14ac:dyDescent="0.25">
      <c r="A97" s="4" t="s">
        <v>206</v>
      </c>
      <c r="B97" s="6" t="s">
        <v>1557</v>
      </c>
      <c r="C97" s="2" t="s">
        <v>39</v>
      </c>
      <c r="D97" s="2" t="s">
        <v>39</v>
      </c>
      <c r="E97" s="2" t="s">
        <v>39</v>
      </c>
    </row>
    <row r="98" spans="1:9" x14ac:dyDescent="0.25">
      <c r="A98" s="4" t="s">
        <v>208</v>
      </c>
      <c r="B98" s="6" t="s">
        <v>1558</v>
      </c>
      <c r="C98" s="2" t="s">
        <v>39</v>
      </c>
      <c r="D98" s="2" t="s">
        <v>39</v>
      </c>
      <c r="E98" s="2" t="s">
        <v>39</v>
      </c>
    </row>
    <row r="99" spans="1:9" x14ac:dyDescent="0.25">
      <c r="A99" s="4" t="s">
        <v>210</v>
      </c>
      <c r="B99" s="6" t="s">
        <v>1547</v>
      </c>
      <c r="C99" s="2" t="s">
        <v>39</v>
      </c>
      <c r="D99" s="2" t="s">
        <v>39</v>
      </c>
      <c r="E99" s="2" t="s">
        <v>39</v>
      </c>
    </row>
    <row r="100" spans="1:9" x14ac:dyDescent="0.25">
      <c r="A100" s="5" t="s">
        <v>212</v>
      </c>
      <c r="B100" s="7" t="s">
        <v>1559</v>
      </c>
      <c r="C100" s="3" t="s">
        <v>39</v>
      </c>
      <c r="D100" s="3" t="s">
        <v>39</v>
      </c>
      <c r="E100" s="3" t="s">
        <v>39</v>
      </c>
    </row>
    <row r="102" spans="1:9" x14ac:dyDescent="0.25">
      <c r="A102" s="14" t="s">
        <v>6</v>
      </c>
      <c r="B102" s="14" t="s">
        <v>1560</v>
      </c>
      <c r="C102" s="14" t="s">
        <v>1561</v>
      </c>
      <c r="D102" s="14" t="s">
        <v>7</v>
      </c>
      <c r="E102" s="14" t="s">
        <v>1561</v>
      </c>
    </row>
    <row r="103" spans="1:9" ht="21" x14ac:dyDescent="0.25">
      <c r="A103" s="14" t="s">
        <v>7</v>
      </c>
      <c r="B103" s="14" t="s">
        <v>7</v>
      </c>
      <c r="C103" s="1" t="s">
        <v>1551</v>
      </c>
      <c r="D103" s="1" t="s">
        <v>1562</v>
      </c>
      <c r="E103" s="1" t="s">
        <v>1553</v>
      </c>
    </row>
    <row r="104" spans="1:9" x14ac:dyDescent="0.25">
      <c r="A104" s="4" t="s">
        <v>216</v>
      </c>
      <c r="B104" s="6" t="s">
        <v>1563</v>
      </c>
      <c r="C104" s="2" t="s">
        <v>39</v>
      </c>
      <c r="D104" s="2" t="s">
        <v>39</v>
      </c>
      <c r="E104" s="2" t="s">
        <v>39</v>
      </c>
    </row>
    <row r="105" spans="1:9" x14ac:dyDescent="0.25">
      <c r="A105" s="4" t="s">
        <v>220</v>
      </c>
      <c r="B105" s="6" t="s">
        <v>1564</v>
      </c>
      <c r="C105" s="2" t="s">
        <v>39</v>
      </c>
      <c r="D105" s="2" t="s">
        <v>39</v>
      </c>
      <c r="E105" s="2" t="s">
        <v>39</v>
      </c>
    </row>
    <row r="106" spans="1:9" x14ac:dyDescent="0.25">
      <c r="A106" s="4" t="s">
        <v>222</v>
      </c>
      <c r="B106" s="6" t="s">
        <v>1565</v>
      </c>
      <c r="C106" s="2" t="s">
        <v>39</v>
      </c>
      <c r="D106" s="2" t="s">
        <v>39</v>
      </c>
      <c r="E106" s="2" t="s">
        <v>39</v>
      </c>
    </row>
    <row r="107" spans="1:9" x14ac:dyDescent="0.25">
      <c r="A107" s="4" t="s">
        <v>224</v>
      </c>
      <c r="B107" s="6" t="s">
        <v>1566</v>
      </c>
      <c r="C107" s="2" t="s">
        <v>39</v>
      </c>
      <c r="D107" s="2" t="s">
        <v>39</v>
      </c>
      <c r="E107" s="2" t="s">
        <v>39</v>
      </c>
    </row>
    <row r="108" spans="1:9" x14ac:dyDescent="0.25">
      <c r="A108" s="4" t="s">
        <v>226</v>
      </c>
      <c r="B108" s="6" t="s">
        <v>1567</v>
      </c>
      <c r="C108" s="2" t="s">
        <v>39</v>
      </c>
      <c r="D108" s="2" t="s">
        <v>39</v>
      </c>
      <c r="E108" s="2" t="s">
        <v>39</v>
      </c>
    </row>
    <row r="109" spans="1:9" x14ac:dyDescent="0.25">
      <c r="A109" s="4" t="s">
        <v>228</v>
      </c>
      <c r="B109" s="6" t="s">
        <v>1568</v>
      </c>
      <c r="C109" s="2" t="s">
        <v>39</v>
      </c>
      <c r="D109" s="2" t="s">
        <v>39</v>
      </c>
      <c r="E109" s="2" t="s">
        <v>39</v>
      </c>
    </row>
    <row r="110" spans="1:9" x14ac:dyDescent="0.25">
      <c r="A110" s="5" t="s">
        <v>230</v>
      </c>
      <c r="B110" s="7" t="s">
        <v>1569</v>
      </c>
      <c r="C110" s="3" t="s">
        <v>39</v>
      </c>
      <c r="D110" s="3" t="s">
        <v>39</v>
      </c>
      <c r="E110" s="3" t="s">
        <v>39</v>
      </c>
    </row>
    <row r="112" spans="1:9" x14ac:dyDescent="0.25">
      <c r="A112" s="14" t="s">
        <v>6</v>
      </c>
      <c r="B112" s="14" t="s">
        <v>1570</v>
      </c>
      <c r="C112" s="14" t="s">
        <v>463</v>
      </c>
      <c r="D112" s="14" t="s">
        <v>922</v>
      </c>
      <c r="E112" s="14" t="s">
        <v>250</v>
      </c>
      <c r="F112" s="14" t="s">
        <v>7</v>
      </c>
      <c r="G112" s="14" t="s">
        <v>254</v>
      </c>
      <c r="H112" s="14" t="s">
        <v>7</v>
      </c>
      <c r="I112" s="14" t="s">
        <v>1486</v>
      </c>
    </row>
    <row r="113" spans="1:9" ht="21" x14ac:dyDescent="0.25">
      <c r="A113" s="14" t="s">
        <v>7</v>
      </c>
      <c r="B113" s="14" t="s">
        <v>7</v>
      </c>
      <c r="C113" s="14" t="s">
        <v>7</v>
      </c>
      <c r="D113" s="14" t="s">
        <v>7</v>
      </c>
      <c r="E113" s="1" t="s">
        <v>1571</v>
      </c>
      <c r="F113" s="1" t="s">
        <v>1572</v>
      </c>
      <c r="G113" s="1" t="s">
        <v>1573</v>
      </c>
      <c r="H113" s="1" t="s">
        <v>1574</v>
      </c>
      <c r="I113" s="14" t="s">
        <v>7</v>
      </c>
    </row>
    <row r="114" spans="1:9" x14ac:dyDescent="0.25">
      <c r="A114" s="4" t="s">
        <v>231</v>
      </c>
      <c r="B114" s="6" t="s">
        <v>1575</v>
      </c>
      <c r="C114" s="9">
        <v>91194200</v>
      </c>
      <c r="D114" s="9">
        <v>94207105.060000002</v>
      </c>
      <c r="E114" s="9">
        <v>89484398.489999995</v>
      </c>
      <c r="F114" s="9" t="s">
        <v>1576</v>
      </c>
      <c r="G114" s="9">
        <v>76083765.810000002</v>
      </c>
      <c r="H114" s="9" t="s">
        <v>1577</v>
      </c>
      <c r="I114" s="9">
        <v>13400632.68</v>
      </c>
    </row>
    <row r="115" spans="1:9" x14ac:dyDescent="0.25">
      <c r="A115" s="4" t="s">
        <v>232</v>
      </c>
      <c r="B115" s="6" t="s">
        <v>1578</v>
      </c>
      <c r="C115" s="9">
        <v>608802000</v>
      </c>
      <c r="D115" s="9">
        <v>574712213.88999999</v>
      </c>
      <c r="E115" s="9">
        <v>466054033.02999997</v>
      </c>
      <c r="F115" s="9" t="s">
        <v>1579</v>
      </c>
      <c r="G115" s="9">
        <v>390883973.54000002</v>
      </c>
      <c r="H115" s="9" t="s">
        <v>1580</v>
      </c>
      <c r="I115" s="9">
        <v>75170059.489999995</v>
      </c>
    </row>
    <row r="116" spans="1:9" x14ac:dyDescent="0.25">
      <c r="A116" s="4" t="s">
        <v>234</v>
      </c>
      <c r="B116" s="6" t="s">
        <v>1581</v>
      </c>
      <c r="C116" s="9">
        <v>83871600</v>
      </c>
      <c r="D116" s="9">
        <v>95780683</v>
      </c>
      <c r="E116" s="9">
        <v>75589981.549999997</v>
      </c>
      <c r="F116" s="9" t="s">
        <v>1582</v>
      </c>
      <c r="G116" s="9">
        <v>56640861.960000001</v>
      </c>
      <c r="H116" s="9" t="s">
        <v>816</v>
      </c>
      <c r="I116" s="9">
        <v>18949119.59</v>
      </c>
    </row>
    <row r="117" spans="1:9" x14ac:dyDescent="0.25">
      <c r="A117" s="4" t="s">
        <v>236</v>
      </c>
      <c r="B117" s="6" t="s">
        <v>1583</v>
      </c>
      <c r="C117" s="9">
        <v>0</v>
      </c>
      <c r="D117" s="9">
        <v>0</v>
      </c>
      <c r="E117" s="9">
        <v>0</v>
      </c>
      <c r="F117" s="9" t="s">
        <v>39</v>
      </c>
      <c r="G117" s="9">
        <v>0</v>
      </c>
      <c r="H117" s="9" t="s">
        <v>39</v>
      </c>
      <c r="I117" s="9">
        <v>0</v>
      </c>
    </row>
    <row r="118" spans="1:9" x14ac:dyDescent="0.25">
      <c r="A118" s="4" t="s">
        <v>238</v>
      </c>
      <c r="B118" s="6" t="s">
        <v>1584</v>
      </c>
      <c r="C118" s="9">
        <v>30607900</v>
      </c>
      <c r="D118" s="9">
        <v>33799787</v>
      </c>
      <c r="E118" s="9">
        <v>16858606.789999999</v>
      </c>
      <c r="F118" s="9" t="s">
        <v>1585</v>
      </c>
      <c r="G118" s="9">
        <v>11715732.76</v>
      </c>
      <c r="H118" s="9" t="s">
        <v>1586</v>
      </c>
      <c r="I118" s="9">
        <v>5142874.03</v>
      </c>
    </row>
    <row r="119" spans="1:9" x14ac:dyDescent="0.25">
      <c r="A119" s="4" t="s">
        <v>241</v>
      </c>
      <c r="B119" s="6" t="s">
        <v>1587</v>
      </c>
      <c r="C119" s="9">
        <v>0</v>
      </c>
      <c r="D119" s="9">
        <v>0</v>
      </c>
      <c r="E119" s="9">
        <v>0</v>
      </c>
      <c r="F119" s="9" t="s">
        <v>39</v>
      </c>
      <c r="G119" s="9">
        <v>0</v>
      </c>
      <c r="H119" s="9" t="s">
        <v>39</v>
      </c>
      <c r="I119" s="9">
        <v>0</v>
      </c>
    </row>
    <row r="120" spans="1:9" x14ac:dyDescent="0.25">
      <c r="A120" s="4" t="s">
        <v>243</v>
      </c>
      <c r="B120" s="6" t="s">
        <v>1588</v>
      </c>
      <c r="C120" s="9">
        <v>586662200</v>
      </c>
      <c r="D120" s="9">
        <v>937755970.42999995</v>
      </c>
      <c r="E120" s="9">
        <v>881698443.75999999</v>
      </c>
      <c r="F120" s="9" t="s">
        <v>1589</v>
      </c>
      <c r="G120" s="9">
        <v>852214387.97000003</v>
      </c>
      <c r="H120" s="9" t="s">
        <v>1590</v>
      </c>
      <c r="I120" s="9">
        <v>29484055.789999999</v>
      </c>
    </row>
    <row r="121" spans="1:9" x14ac:dyDescent="0.25">
      <c r="A121" s="5" t="s">
        <v>245</v>
      </c>
      <c r="B121" s="7" t="s">
        <v>1548</v>
      </c>
      <c r="C121" s="8">
        <v>1401137900</v>
      </c>
      <c r="D121" s="8">
        <v>1736255759.3800001</v>
      </c>
      <c r="E121" s="8">
        <v>1529685463.6199999</v>
      </c>
      <c r="F121" s="8" t="s">
        <v>240</v>
      </c>
      <c r="G121" s="8">
        <v>1387538722.04</v>
      </c>
      <c r="H121" s="8" t="s">
        <v>240</v>
      </c>
      <c r="I121" s="8">
        <v>142146741.58000001</v>
      </c>
    </row>
  </sheetData>
  <mergeCells count="63">
    <mergeCell ref="G112:H112"/>
    <mergeCell ref="I112:I113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D82:D83"/>
    <mergeCell ref="E82:E83"/>
    <mergeCell ref="F82:F83"/>
    <mergeCell ref="G82:G83"/>
    <mergeCell ref="A92:A93"/>
    <mergeCell ref="B92:B93"/>
    <mergeCell ref="C92:E92"/>
    <mergeCell ref="A78:A79"/>
    <mergeCell ref="B78:B79"/>
    <mergeCell ref="C78:C79"/>
    <mergeCell ref="A82:A83"/>
    <mergeCell ref="B82:B83"/>
    <mergeCell ref="C82:C83"/>
    <mergeCell ref="G70:H70"/>
    <mergeCell ref="I70:I71"/>
    <mergeCell ref="A74:A75"/>
    <mergeCell ref="B74:B75"/>
    <mergeCell ref="C74:C75"/>
    <mergeCell ref="A70:A71"/>
    <mergeCell ref="B70:B71"/>
    <mergeCell ref="C70:C71"/>
    <mergeCell ref="D70:D71"/>
    <mergeCell ref="E70:F70"/>
    <mergeCell ref="G44:H44"/>
    <mergeCell ref="I44:I45"/>
    <mergeCell ref="A56:A57"/>
    <mergeCell ref="B56:B57"/>
    <mergeCell ref="C56:C57"/>
    <mergeCell ref="D56:D57"/>
    <mergeCell ref="E56:F56"/>
    <mergeCell ref="G56:H56"/>
    <mergeCell ref="I56:I57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3" width="16.85546875" bestFit="1" customWidth="1"/>
    <col min="4" max="4" width="18" bestFit="1" customWidth="1"/>
    <col min="5" max="5" width="12" bestFit="1" customWidth="1"/>
  </cols>
  <sheetData>
    <row r="3" spans="1:13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</row>
    <row r="4" spans="1:13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</row>
    <row r="5" spans="1:13" x14ac:dyDescent="0.25">
      <c r="A5" s="12" t="s">
        <v>1591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</row>
    <row r="6" spans="1:13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</row>
    <row r="7" spans="1:13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</row>
    <row r="9" spans="1:13" x14ac:dyDescent="0.25">
      <c r="A9" s="13" t="s">
        <v>1592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</row>
    <row r="10" spans="1:13" x14ac:dyDescent="0.25">
      <c r="A10" s="14" t="s">
        <v>6</v>
      </c>
      <c r="B10" s="14" t="s">
        <v>1593</v>
      </c>
      <c r="C10" s="14" t="s">
        <v>1594</v>
      </c>
      <c r="D10" s="14" t="s">
        <v>1595</v>
      </c>
      <c r="E10" s="14" t="s">
        <v>1595</v>
      </c>
    </row>
    <row r="11" spans="1:13" ht="21" x14ac:dyDescent="0.25">
      <c r="A11" s="14" t="s">
        <v>7</v>
      </c>
      <c r="B11" s="14" t="s">
        <v>7</v>
      </c>
      <c r="C11" s="14" t="s">
        <v>7</v>
      </c>
      <c r="D11" s="1" t="s">
        <v>251</v>
      </c>
      <c r="E11" s="1" t="s">
        <v>1596</v>
      </c>
    </row>
    <row r="12" spans="1:13" x14ac:dyDescent="0.25">
      <c r="A12" s="5" t="s">
        <v>17</v>
      </c>
      <c r="B12" s="7" t="s">
        <v>1597</v>
      </c>
      <c r="C12" s="3" t="s">
        <v>39</v>
      </c>
      <c r="D12" s="3" t="s">
        <v>39</v>
      </c>
      <c r="E12" s="3" t="s">
        <v>39</v>
      </c>
    </row>
    <row r="13" spans="1:13" x14ac:dyDescent="0.25">
      <c r="A13" s="4" t="s">
        <v>21</v>
      </c>
      <c r="B13" s="6" t="s">
        <v>1598</v>
      </c>
      <c r="C13" s="2" t="s">
        <v>39</v>
      </c>
      <c r="D13" s="2" t="s">
        <v>39</v>
      </c>
      <c r="E13" s="2" t="s">
        <v>39</v>
      </c>
    </row>
    <row r="14" spans="1:13" x14ac:dyDescent="0.25">
      <c r="A14" s="5" t="s">
        <v>25</v>
      </c>
      <c r="B14" s="7" t="s">
        <v>1599</v>
      </c>
      <c r="C14" s="3" t="s">
        <v>39</v>
      </c>
      <c r="D14" s="3" t="s">
        <v>39</v>
      </c>
      <c r="E14" s="3" t="s">
        <v>39</v>
      </c>
    </row>
    <row r="15" spans="1:13" x14ac:dyDescent="0.25">
      <c r="A15" s="4" t="s">
        <v>29</v>
      </c>
      <c r="B15" s="6" t="s">
        <v>1600</v>
      </c>
      <c r="C15" s="2" t="s">
        <v>39</v>
      </c>
      <c r="D15" s="2" t="s">
        <v>39</v>
      </c>
      <c r="E15" s="2" t="s">
        <v>39</v>
      </c>
    </row>
    <row r="16" spans="1:13" x14ac:dyDescent="0.25">
      <c r="A16" s="4" t="s">
        <v>33</v>
      </c>
      <c r="B16" s="6" t="s">
        <v>1601</v>
      </c>
      <c r="C16" s="2" t="s">
        <v>39</v>
      </c>
      <c r="D16" s="2" t="s">
        <v>39</v>
      </c>
      <c r="E16" s="2" t="s">
        <v>39</v>
      </c>
    </row>
    <row r="17" spans="1:13" x14ac:dyDescent="0.25">
      <c r="A17" s="4" t="s">
        <v>37</v>
      </c>
      <c r="B17" s="6" t="s">
        <v>1602</v>
      </c>
      <c r="C17" s="2" t="s">
        <v>39</v>
      </c>
      <c r="D17" s="2" t="s">
        <v>39</v>
      </c>
      <c r="E17" s="2" t="s">
        <v>39</v>
      </c>
    </row>
    <row r="18" spans="1:13" x14ac:dyDescent="0.25">
      <c r="A18" s="5" t="s">
        <v>40</v>
      </c>
      <c r="B18" s="7" t="s">
        <v>1603</v>
      </c>
      <c r="C18" s="3" t="s">
        <v>39</v>
      </c>
      <c r="D18" s="3" t="s">
        <v>39</v>
      </c>
      <c r="E18" s="3" t="s">
        <v>39</v>
      </c>
    </row>
    <row r="19" spans="1:13" x14ac:dyDescent="0.25">
      <c r="A19" s="4" t="s">
        <v>44</v>
      </c>
      <c r="B19" s="6" t="s">
        <v>1604</v>
      </c>
      <c r="C19" s="2" t="s">
        <v>39</v>
      </c>
      <c r="D19" s="2" t="s">
        <v>39</v>
      </c>
      <c r="E19" s="2" t="s">
        <v>39</v>
      </c>
    </row>
    <row r="20" spans="1:13" x14ac:dyDescent="0.25">
      <c r="A20" s="4" t="s">
        <v>46</v>
      </c>
      <c r="B20" s="6" t="s">
        <v>1605</v>
      </c>
      <c r="C20" s="2" t="s">
        <v>39</v>
      </c>
      <c r="D20" s="2" t="s">
        <v>39</v>
      </c>
      <c r="E20" s="2" t="s">
        <v>39</v>
      </c>
    </row>
    <row r="21" spans="1:13" x14ac:dyDescent="0.25">
      <c r="A21" s="4" t="s">
        <v>48</v>
      </c>
      <c r="B21" s="6" t="s">
        <v>1606</v>
      </c>
      <c r="C21" s="2" t="s">
        <v>39</v>
      </c>
      <c r="D21" s="2" t="s">
        <v>39</v>
      </c>
      <c r="E21" s="2" t="s">
        <v>39</v>
      </c>
    </row>
    <row r="22" spans="1:13" x14ac:dyDescent="0.25">
      <c r="A22" s="4" t="s">
        <v>50</v>
      </c>
      <c r="B22" s="6" t="s">
        <v>1607</v>
      </c>
      <c r="C22" s="2" t="s">
        <v>39</v>
      </c>
      <c r="D22" s="2" t="s">
        <v>39</v>
      </c>
      <c r="E22" s="2" t="s">
        <v>39</v>
      </c>
    </row>
    <row r="24" spans="1:13" x14ac:dyDescent="0.25">
      <c r="A24" s="14" t="s">
        <v>6</v>
      </c>
      <c r="B24" s="14" t="s">
        <v>1608</v>
      </c>
      <c r="C24" s="14" t="s">
        <v>1609</v>
      </c>
      <c r="D24" s="14" t="s">
        <v>1610</v>
      </c>
      <c r="E24" s="14" t="s">
        <v>1611</v>
      </c>
      <c r="F24" s="14" t="s">
        <v>1612</v>
      </c>
      <c r="G24" s="14" t="s">
        <v>1613</v>
      </c>
      <c r="H24" s="14" t="s">
        <v>1614</v>
      </c>
      <c r="I24" s="14" t="s">
        <v>1615</v>
      </c>
      <c r="J24" s="14" t="s">
        <v>1616</v>
      </c>
      <c r="K24" s="14" t="s">
        <v>1617</v>
      </c>
      <c r="L24" s="14" t="s">
        <v>1618</v>
      </c>
      <c r="M24" s="14" t="s">
        <v>1619</v>
      </c>
    </row>
    <row r="25" spans="1:13" x14ac:dyDescent="0.25">
      <c r="A25" s="14" t="s">
        <v>7</v>
      </c>
      <c r="B25" s="14" t="s">
        <v>7</v>
      </c>
      <c r="C25" s="14" t="s">
        <v>7</v>
      </c>
      <c r="D25" s="14" t="s">
        <v>7</v>
      </c>
      <c r="E25" s="14" t="s">
        <v>7</v>
      </c>
      <c r="F25" s="14" t="s">
        <v>7</v>
      </c>
      <c r="G25" s="14" t="s">
        <v>7</v>
      </c>
      <c r="H25" s="14" t="s">
        <v>7</v>
      </c>
      <c r="I25" s="14" t="s">
        <v>7</v>
      </c>
      <c r="J25" s="14" t="s">
        <v>7</v>
      </c>
      <c r="K25" s="14" t="s">
        <v>7</v>
      </c>
      <c r="L25" s="14" t="s">
        <v>7</v>
      </c>
      <c r="M25" s="14" t="s">
        <v>7</v>
      </c>
    </row>
    <row r="26" spans="1:13" x14ac:dyDescent="0.25">
      <c r="A26" s="4" t="s">
        <v>52</v>
      </c>
      <c r="B26" s="6" t="s">
        <v>1620</v>
      </c>
      <c r="C26" s="2" t="s">
        <v>39</v>
      </c>
      <c r="D26" s="2" t="s">
        <v>39</v>
      </c>
      <c r="E26" s="2" t="s">
        <v>39</v>
      </c>
      <c r="F26" s="2" t="s">
        <v>39</v>
      </c>
      <c r="G26" s="2" t="s">
        <v>39</v>
      </c>
      <c r="H26" s="2" t="s">
        <v>39</v>
      </c>
      <c r="I26" s="2" t="s">
        <v>39</v>
      </c>
      <c r="J26" s="2" t="s">
        <v>39</v>
      </c>
      <c r="K26" s="2" t="s">
        <v>39</v>
      </c>
      <c r="L26" s="2" t="s">
        <v>39</v>
      </c>
      <c r="M26" s="2" t="s">
        <v>39</v>
      </c>
    </row>
    <row r="27" spans="1:13" x14ac:dyDescent="0.25">
      <c r="A27" s="4" t="s">
        <v>56</v>
      </c>
      <c r="B27" s="6" t="s">
        <v>1621</v>
      </c>
      <c r="C27" s="2" t="s">
        <v>39</v>
      </c>
      <c r="D27" s="2" t="s">
        <v>39</v>
      </c>
      <c r="E27" s="2" t="s">
        <v>39</v>
      </c>
      <c r="F27" s="2" t="s">
        <v>39</v>
      </c>
      <c r="G27" s="2" t="s">
        <v>39</v>
      </c>
      <c r="H27" s="2" t="s">
        <v>39</v>
      </c>
      <c r="I27" s="2" t="s">
        <v>39</v>
      </c>
      <c r="J27" s="2" t="s">
        <v>39</v>
      </c>
      <c r="K27" s="2" t="s">
        <v>39</v>
      </c>
      <c r="L27" s="2" t="s">
        <v>39</v>
      </c>
      <c r="M27" s="2" t="s">
        <v>39</v>
      </c>
    </row>
    <row r="28" spans="1:13" x14ac:dyDescent="0.25">
      <c r="A28" s="4" t="s">
        <v>60</v>
      </c>
      <c r="B28" s="6" t="s">
        <v>1622</v>
      </c>
      <c r="C28" s="2" t="s">
        <v>39</v>
      </c>
      <c r="D28" s="2" t="s">
        <v>39</v>
      </c>
      <c r="E28" s="2" t="s">
        <v>39</v>
      </c>
      <c r="F28" s="2" t="s">
        <v>39</v>
      </c>
      <c r="G28" s="2" t="s">
        <v>39</v>
      </c>
      <c r="H28" s="2" t="s">
        <v>39</v>
      </c>
      <c r="I28" s="2" t="s">
        <v>39</v>
      </c>
      <c r="J28" s="2" t="s">
        <v>39</v>
      </c>
      <c r="K28" s="2" t="s">
        <v>39</v>
      </c>
      <c r="L28" s="2" t="s">
        <v>39</v>
      </c>
      <c r="M28" s="2" t="s">
        <v>39</v>
      </c>
    </row>
    <row r="29" spans="1:13" x14ac:dyDescent="0.25">
      <c r="A29" s="4" t="s">
        <v>64</v>
      </c>
      <c r="B29" s="6" t="s">
        <v>1623</v>
      </c>
      <c r="C29" s="2" t="s">
        <v>39</v>
      </c>
      <c r="D29" s="2" t="s">
        <v>39</v>
      </c>
      <c r="E29" s="2" t="s">
        <v>39</v>
      </c>
      <c r="F29" s="2" t="s">
        <v>39</v>
      </c>
      <c r="G29" s="2" t="s">
        <v>39</v>
      </c>
      <c r="H29" s="2" t="s">
        <v>39</v>
      </c>
      <c r="I29" s="2" t="s">
        <v>39</v>
      </c>
      <c r="J29" s="2" t="s">
        <v>39</v>
      </c>
      <c r="K29" s="2" t="s">
        <v>39</v>
      </c>
      <c r="L29" s="2" t="s">
        <v>39</v>
      </c>
      <c r="M29" s="2" t="s">
        <v>39</v>
      </c>
    </row>
    <row r="30" spans="1:13" x14ac:dyDescent="0.25">
      <c r="A30" s="4" t="s">
        <v>66</v>
      </c>
      <c r="B30" s="6" t="s">
        <v>1624</v>
      </c>
      <c r="C30" s="9">
        <v>9747254504.2000008</v>
      </c>
      <c r="D30" s="9">
        <v>10735143525.049999</v>
      </c>
      <c r="E30" s="2" t="s">
        <v>39</v>
      </c>
      <c r="F30" s="2" t="s">
        <v>39</v>
      </c>
      <c r="G30" s="2" t="s">
        <v>39</v>
      </c>
      <c r="H30" s="2" t="s">
        <v>39</v>
      </c>
      <c r="I30" s="2" t="s">
        <v>39</v>
      </c>
      <c r="J30" s="2" t="s">
        <v>39</v>
      </c>
      <c r="K30" s="2" t="s">
        <v>39</v>
      </c>
      <c r="L30" s="2" t="s">
        <v>39</v>
      </c>
      <c r="M30" s="2" t="s">
        <v>39</v>
      </c>
    </row>
    <row r="31" spans="1:13" x14ac:dyDescent="0.25">
      <c r="A31" s="5" t="s">
        <v>70</v>
      </c>
      <c r="B31" s="7" t="s">
        <v>1625</v>
      </c>
      <c r="C31" s="3" t="s">
        <v>39</v>
      </c>
      <c r="D31" s="3" t="s">
        <v>39</v>
      </c>
      <c r="E31" s="3" t="s">
        <v>39</v>
      </c>
      <c r="F31" s="3" t="s">
        <v>39</v>
      </c>
      <c r="G31" s="3" t="s">
        <v>39</v>
      </c>
      <c r="H31" s="3" t="s">
        <v>39</v>
      </c>
      <c r="I31" s="3" t="s">
        <v>39</v>
      </c>
      <c r="J31" s="3" t="s">
        <v>39</v>
      </c>
      <c r="K31" s="3" t="s">
        <v>39</v>
      </c>
      <c r="L31" s="3" t="s">
        <v>39</v>
      </c>
      <c r="M31" s="3" t="s">
        <v>39</v>
      </c>
    </row>
    <row r="32" spans="1:13" x14ac:dyDescent="0.25">
      <c r="A32" s="4" t="s">
        <v>72</v>
      </c>
      <c r="B32" s="6" t="s">
        <v>1626</v>
      </c>
      <c r="C32" s="2" t="s">
        <v>39</v>
      </c>
      <c r="D32" s="2" t="s">
        <v>39</v>
      </c>
      <c r="E32" s="2" t="s">
        <v>39</v>
      </c>
      <c r="F32" s="2" t="s">
        <v>39</v>
      </c>
      <c r="G32" s="2" t="s">
        <v>39</v>
      </c>
      <c r="H32" s="2" t="s">
        <v>39</v>
      </c>
      <c r="I32" s="2" t="s">
        <v>39</v>
      </c>
      <c r="J32" s="2" t="s">
        <v>39</v>
      </c>
      <c r="K32" s="2" t="s">
        <v>39</v>
      </c>
      <c r="L32" s="2" t="s">
        <v>39</v>
      </c>
      <c r="M32" s="2" t="s">
        <v>39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topLeftCell="A88" zoomScale="130" zoomScaleNormal="130" workbookViewId="0">
      <selection activeCell="C103" sqref="C103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7109375" bestFit="1" customWidth="1"/>
    <col min="5" max="5" width="20.7109375" bestFit="1" customWidth="1"/>
    <col min="6" max="6" width="17.28515625" bestFit="1" customWidth="1"/>
  </cols>
  <sheetData>
    <row r="3" spans="1:6" x14ac:dyDescent="0.25">
      <c r="A3" s="10" t="s">
        <v>0</v>
      </c>
      <c r="B3" s="11"/>
      <c r="C3" s="11"/>
      <c r="D3" s="11"/>
      <c r="E3" s="11"/>
      <c r="F3" s="11"/>
    </row>
    <row r="4" spans="1:6" x14ac:dyDescent="0.25">
      <c r="A4" s="10" t="s">
        <v>1</v>
      </c>
      <c r="B4" s="11"/>
      <c r="C4" s="11"/>
      <c r="D4" s="11"/>
      <c r="E4" s="11"/>
      <c r="F4" s="11"/>
    </row>
    <row r="5" spans="1:6" x14ac:dyDescent="0.25">
      <c r="A5" s="12" t="s">
        <v>1627</v>
      </c>
      <c r="B5" s="11"/>
      <c r="C5" s="11"/>
      <c r="D5" s="11"/>
      <c r="E5" s="11"/>
      <c r="F5" s="11"/>
    </row>
    <row r="6" spans="1:6" x14ac:dyDescent="0.25">
      <c r="A6" s="10" t="s">
        <v>3</v>
      </c>
      <c r="B6" s="11"/>
      <c r="C6" s="11"/>
      <c r="D6" s="11"/>
      <c r="E6" s="11"/>
      <c r="F6" s="11"/>
    </row>
    <row r="7" spans="1:6" x14ac:dyDescent="0.25">
      <c r="A7" s="10" t="s">
        <v>4</v>
      </c>
      <c r="B7" s="11"/>
      <c r="C7" s="11"/>
      <c r="D7" s="11"/>
      <c r="E7" s="11"/>
      <c r="F7" s="11"/>
    </row>
    <row r="9" spans="1:6" x14ac:dyDescent="0.25">
      <c r="A9" s="13" t="s">
        <v>1628</v>
      </c>
      <c r="B9" s="11"/>
      <c r="C9" s="11"/>
      <c r="D9" s="11"/>
      <c r="E9" s="11"/>
      <c r="F9" s="11"/>
    </row>
    <row r="10" spans="1:6" x14ac:dyDescent="0.25">
      <c r="A10" s="14" t="s">
        <v>6</v>
      </c>
      <c r="B10" s="14" t="s">
        <v>1629</v>
      </c>
      <c r="C10" s="14" t="s">
        <v>1596</v>
      </c>
    </row>
    <row r="11" spans="1:6" x14ac:dyDescent="0.25">
      <c r="A11" s="14" t="s">
        <v>7</v>
      </c>
      <c r="B11" s="14" t="s">
        <v>7</v>
      </c>
      <c r="C11" s="14" t="s">
        <v>7</v>
      </c>
    </row>
    <row r="12" spans="1:6" x14ac:dyDescent="0.25">
      <c r="A12" s="4" t="s">
        <v>17</v>
      </c>
      <c r="B12" s="6" t="s">
        <v>8</v>
      </c>
      <c r="C12" s="9">
        <v>0</v>
      </c>
    </row>
    <row r="13" spans="1:6" x14ac:dyDescent="0.25">
      <c r="A13" s="4" t="s">
        <v>21</v>
      </c>
      <c r="B13" s="6" t="s">
        <v>9</v>
      </c>
      <c r="C13" s="9">
        <v>14497314000</v>
      </c>
    </row>
    <row r="14" spans="1:6" x14ac:dyDescent="0.25">
      <c r="A14" s="4" t="s">
        <v>25</v>
      </c>
      <c r="B14" s="6" t="s">
        <v>873</v>
      </c>
      <c r="C14" s="9">
        <v>18125638230</v>
      </c>
    </row>
    <row r="15" spans="1:6" x14ac:dyDescent="0.25">
      <c r="A15" s="4" t="s">
        <v>29</v>
      </c>
      <c r="B15" s="6" t="s">
        <v>11</v>
      </c>
      <c r="C15" s="9">
        <v>14923502296.309999</v>
      </c>
    </row>
    <row r="16" spans="1:6" x14ac:dyDescent="0.25">
      <c r="A16" s="4" t="s">
        <v>33</v>
      </c>
      <c r="B16" s="6" t="s">
        <v>1630</v>
      </c>
      <c r="C16" s="9">
        <v>0</v>
      </c>
    </row>
    <row r="17" spans="1:3" x14ac:dyDescent="0.25">
      <c r="A17" s="4" t="s">
        <v>37</v>
      </c>
      <c r="B17" s="6" t="s">
        <v>1631</v>
      </c>
      <c r="C17" s="9">
        <v>185279289</v>
      </c>
    </row>
    <row r="18" spans="1:3" x14ac:dyDescent="0.25">
      <c r="A18" s="4" t="s">
        <v>40</v>
      </c>
      <c r="B18" s="6" t="s">
        <v>247</v>
      </c>
      <c r="C18" s="9">
        <v>0</v>
      </c>
    </row>
    <row r="19" spans="1:3" x14ac:dyDescent="0.25">
      <c r="A19" s="4" t="s">
        <v>44</v>
      </c>
      <c r="B19" s="6" t="s">
        <v>463</v>
      </c>
      <c r="C19" s="9">
        <v>14497314000</v>
      </c>
    </row>
    <row r="20" spans="1:3" x14ac:dyDescent="0.25">
      <c r="A20" s="4" t="s">
        <v>46</v>
      </c>
      <c r="B20" s="6" t="s">
        <v>1632</v>
      </c>
      <c r="C20" s="9">
        <v>3813603519</v>
      </c>
    </row>
    <row r="21" spans="1:3" x14ac:dyDescent="0.25">
      <c r="A21" s="4" t="s">
        <v>48</v>
      </c>
      <c r="B21" s="6" t="s">
        <v>922</v>
      </c>
      <c r="C21" s="9">
        <v>18310917519</v>
      </c>
    </row>
    <row r="22" spans="1:3" x14ac:dyDescent="0.25">
      <c r="A22" s="4" t="s">
        <v>50</v>
      </c>
      <c r="B22" s="6" t="s">
        <v>250</v>
      </c>
      <c r="C22" s="9">
        <v>14720730799.73</v>
      </c>
    </row>
    <row r="23" spans="1:3" x14ac:dyDescent="0.25">
      <c r="A23" s="4" t="s">
        <v>52</v>
      </c>
      <c r="B23" s="6" t="s">
        <v>254</v>
      </c>
      <c r="C23" s="9">
        <v>13998444603.139999</v>
      </c>
    </row>
    <row r="24" spans="1:3" x14ac:dyDescent="0.25">
      <c r="A24" s="4" t="s">
        <v>56</v>
      </c>
      <c r="B24" s="6" t="s">
        <v>1633</v>
      </c>
      <c r="C24" s="9">
        <v>13722070645.5</v>
      </c>
    </row>
    <row r="25" spans="1:3" x14ac:dyDescent="0.25">
      <c r="A25" s="4" t="s">
        <v>60</v>
      </c>
      <c r="B25" s="6" t="s">
        <v>1634</v>
      </c>
      <c r="C25" s="9">
        <v>202771496.58000001</v>
      </c>
    </row>
    <row r="27" spans="1:3" x14ac:dyDescent="0.25">
      <c r="A27" s="14" t="s">
        <v>6</v>
      </c>
      <c r="B27" s="14" t="s">
        <v>1635</v>
      </c>
      <c r="C27" s="14" t="s">
        <v>1596</v>
      </c>
    </row>
    <row r="28" spans="1:3" x14ac:dyDescent="0.25">
      <c r="A28" s="14" t="s">
        <v>7</v>
      </c>
      <c r="B28" s="14" t="s">
        <v>7</v>
      </c>
      <c r="C28" s="14" t="s">
        <v>7</v>
      </c>
    </row>
    <row r="29" spans="1:3" x14ac:dyDescent="0.25">
      <c r="A29" s="4" t="s">
        <v>64</v>
      </c>
      <c r="B29" s="6" t="s">
        <v>250</v>
      </c>
      <c r="C29" s="9">
        <v>14720730799.73</v>
      </c>
    </row>
    <row r="30" spans="1:3" x14ac:dyDescent="0.25">
      <c r="A30" s="4" t="s">
        <v>66</v>
      </c>
      <c r="B30" s="6" t="s">
        <v>254</v>
      </c>
      <c r="C30" s="9">
        <v>13998444603.139999</v>
      </c>
    </row>
    <row r="32" spans="1:3" x14ac:dyDescent="0.25">
      <c r="A32" s="14" t="s">
        <v>6</v>
      </c>
      <c r="B32" s="14" t="s">
        <v>1636</v>
      </c>
      <c r="C32" s="14" t="s">
        <v>1596</v>
      </c>
    </row>
    <row r="33" spans="1:5" x14ac:dyDescent="0.25">
      <c r="A33" s="14" t="s">
        <v>7</v>
      </c>
      <c r="B33" s="14" t="s">
        <v>7</v>
      </c>
      <c r="C33" s="14" t="s">
        <v>7</v>
      </c>
    </row>
    <row r="34" spans="1:5" x14ac:dyDescent="0.25">
      <c r="A34" s="4" t="s">
        <v>70</v>
      </c>
      <c r="B34" s="6" t="s">
        <v>1637</v>
      </c>
      <c r="C34" s="9">
        <v>10735143525.049999</v>
      </c>
    </row>
    <row r="36" spans="1:5" x14ac:dyDescent="0.25">
      <c r="A36" s="14" t="s">
        <v>6</v>
      </c>
      <c r="B36" s="14" t="s">
        <v>1638</v>
      </c>
      <c r="C36" s="14" t="s">
        <v>1596</v>
      </c>
    </row>
    <row r="37" spans="1:5" x14ac:dyDescent="0.25">
      <c r="A37" s="14" t="s">
        <v>7</v>
      </c>
      <c r="B37" s="14" t="s">
        <v>7</v>
      </c>
      <c r="C37" s="14" t="s">
        <v>7</v>
      </c>
    </row>
    <row r="38" spans="1:5" x14ac:dyDescent="0.25">
      <c r="A38" s="5" t="s">
        <v>72</v>
      </c>
      <c r="B38" s="7" t="s">
        <v>1639</v>
      </c>
      <c r="C38" s="8">
        <v>-883920819.66999996</v>
      </c>
    </row>
    <row r="39" spans="1:5" x14ac:dyDescent="0.25">
      <c r="A39" s="4" t="s">
        <v>76</v>
      </c>
      <c r="B39" s="6" t="s">
        <v>1640</v>
      </c>
      <c r="C39" s="9">
        <v>2202626040.5300002</v>
      </c>
    </row>
    <row r="40" spans="1:5" x14ac:dyDescent="0.25">
      <c r="A40" s="4" t="s">
        <v>78</v>
      </c>
      <c r="B40" s="6" t="s">
        <v>1641</v>
      </c>
      <c r="C40" s="9">
        <v>3086546860.1999998</v>
      </c>
    </row>
    <row r="41" spans="1:5" x14ac:dyDescent="0.25">
      <c r="A41" s="5" t="s">
        <v>80</v>
      </c>
      <c r="B41" s="7" t="s">
        <v>1642</v>
      </c>
      <c r="C41" s="8">
        <v>-883920819.66999996</v>
      </c>
    </row>
    <row r="42" spans="1:5" x14ac:dyDescent="0.25">
      <c r="A42" s="5" t="s">
        <v>82</v>
      </c>
      <c r="B42" s="7" t="s">
        <v>1643</v>
      </c>
      <c r="C42" s="8">
        <v>0</v>
      </c>
    </row>
    <row r="43" spans="1:5" x14ac:dyDescent="0.25">
      <c r="A43" s="4" t="s">
        <v>86</v>
      </c>
      <c r="B43" s="6" t="s">
        <v>1644</v>
      </c>
      <c r="C43" s="9">
        <v>0</v>
      </c>
    </row>
    <row r="44" spans="1:5" x14ac:dyDescent="0.25">
      <c r="A44" s="4" t="s">
        <v>90</v>
      </c>
      <c r="B44" s="6" t="s">
        <v>1645</v>
      </c>
      <c r="C44" s="9">
        <v>0</v>
      </c>
    </row>
    <row r="45" spans="1:5" x14ac:dyDescent="0.25">
      <c r="A45" s="4" t="s">
        <v>94</v>
      </c>
      <c r="B45" s="6" t="s">
        <v>1642</v>
      </c>
      <c r="C45" s="9">
        <v>0</v>
      </c>
    </row>
    <row r="47" spans="1:5" x14ac:dyDescent="0.25">
      <c r="A47" s="14" t="s">
        <v>6</v>
      </c>
      <c r="B47" s="14" t="s">
        <v>1646</v>
      </c>
      <c r="C47" s="14" t="s">
        <v>1647</v>
      </c>
      <c r="D47" s="14" t="s">
        <v>1648</v>
      </c>
      <c r="E47" s="14" t="s">
        <v>1649</v>
      </c>
    </row>
    <row r="48" spans="1:5" x14ac:dyDescent="0.25">
      <c r="A48" s="14" t="s">
        <v>7</v>
      </c>
      <c r="B48" s="14" t="s">
        <v>7</v>
      </c>
      <c r="C48" s="14" t="s">
        <v>7</v>
      </c>
      <c r="D48" s="14" t="s">
        <v>7</v>
      </c>
      <c r="E48" s="14" t="s">
        <v>7</v>
      </c>
    </row>
    <row r="49" spans="1:6" x14ac:dyDescent="0.25">
      <c r="A49" s="4" t="s">
        <v>98</v>
      </c>
      <c r="B49" s="6" t="s">
        <v>1650</v>
      </c>
      <c r="C49" s="9">
        <v>672867000</v>
      </c>
      <c r="D49" s="9">
        <v>212444962.78</v>
      </c>
      <c r="E49" s="9" t="s">
        <v>1651</v>
      </c>
    </row>
    <row r="50" spans="1:6" x14ac:dyDescent="0.25">
      <c r="A50" s="4" t="s">
        <v>100</v>
      </c>
      <c r="B50" s="6" t="s">
        <v>1652</v>
      </c>
      <c r="C50" s="9">
        <v>772321000</v>
      </c>
      <c r="D50" s="9">
        <v>552368269.87</v>
      </c>
      <c r="E50" s="9" t="s">
        <v>1653</v>
      </c>
    </row>
    <row r="52" spans="1:6" x14ac:dyDescent="0.25">
      <c r="A52" s="14" t="s">
        <v>6</v>
      </c>
      <c r="B52" s="14" t="s">
        <v>1654</v>
      </c>
      <c r="C52" s="14" t="s">
        <v>1655</v>
      </c>
      <c r="D52" s="14" t="s">
        <v>1656</v>
      </c>
      <c r="E52" s="14" t="s">
        <v>1657</v>
      </c>
      <c r="F52" s="14" t="s">
        <v>1658</v>
      </c>
    </row>
    <row r="53" spans="1:6" x14ac:dyDescent="0.25">
      <c r="A53" s="14" t="s">
        <v>7</v>
      </c>
      <c r="B53" s="14" t="s">
        <v>7</v>
      </c>
      <c r="C53" s="14" t="s">
        <v>7</v>
      </c>
      <c r="D53" s="14" t="s">
        <v>7</v>
      </c>
      <c r="E53" s="14" t="s">
        <v>7</v>
      </c>
      <c r="F53" s="14" t="s">
        <v>7</v>
      </c>
    </row>
    <row r="54" spans="1:6" x14ac:dyDescent="0.25">
      <c r="A54" s="5" t="s">
        <v>104</v>
      </c>
      <c r="B54" s="7" t="s">
        <v>1659</v>
      </c>
      <c r="C54" s="8">
        <v>794702945.36000001</v>
      </c>
      <c r="D54" s="8">
        <v>8324296.0199999996</v>
      </c>
      <c r="E54" s="8">
        <v>704554457.07000005</v>
      </c>
      <c r="F54" s="8">
        <v>81824192.269999996</v>
      </c>
    </row>
    <row r="55" spans="1:6" x14ac:dyDescent="0.25">
      <c r="A55" s="4" t="s">
        <v>108</v>
      </c>
      <c r="B55" s="6" t="s">
        <v>1660</v>
      </c>
      <c r="C55" s="9">
        <v>734340832.90999997</v>
      </c>
      <c r="D55" s="9">
        <v>8308653.0800000001</v>
      </c>
      <c r="E55" s="9">
        <v>644207987.55999994</v>
      </c>
      <c r="F55" s="9">
        <v>81824192.269999996</v>
      </c>
    </row>
    <row r="56" spans="1:6" x14ac:dyDescent="0.25">
      <c r="A56" s="4" t="s">
        <v>112</v>
      </c>
      <c r="B56" s="6" t="s">
        <v>1661</v>
      </c>
      <c r="C56" s="9">
        <v>14193921.16</v>
      </c>
      <c r="D56" s="9">
        <v>0</v>
      </c>
      <c r="E56" s="9">
        <v>14193921.16</v>
      </c>
      <c r="F56" s="9">
        <v>0</v>
      </c>
    </row>
    <row r="57" spans="1:6" x14ac:dyDescent="0.25">
      <c r="A57" s="4" t="s">
        <v>114</v>
      </c>
      <c r="B57" s="6" t="s">
        <v>1662</v>
      </c>
      <c r="C57" s="9">
        <v>43834713.369999997</v>
      </c>
      <c r="D57" s="9">
        <v>15642.17</v>
      </c>
      <c r="E57" s="9">
        <v>43819071.200000003</v>
      </c>
      <c r="F57" s="9">
        <v>0</v>
      </c>
    </row>
    <row r="58" spans="1:6" x14ac:dyDescent="0.25">
      <c r="A58" s="4" t="s">
        <v>118</v>
      </c>
      <c r="B58" s="6" t="s">
        <v>1663</v>
      </c>
      <c r="C58" s="9">
        <v>808440.98</v>
      </c>
      <c r="D58" s="9">
        <v>0</v>
      </c>
      <c r="E58" s="9">
        <v>808440.98</v>
      </c>
      <c r="F58" s="9">
        <v>0</v>
      </c>
    </row>
    <row r="59" spans="1:6" x14ac:dyDescent="0.25">
      <c r="A59" s="4" t="s">
        <v>122</v>
      </c>
      <c r="B59" s="6" t="s">
        <v>1664</v>
      </c>
      <c r="C59" s="9">
        <v>1525036.94</v>
      </c>
      <c r="D59" s="9">
        <v>0.77</v>
      </c>
      <c r="E59" s="9">
        <v>1525036.17</v>
      </c>
      <c r="F59" s="9">
        <v>0</v>
      </c>
    </row>
    <row r="60" spans="1:6" x14ac:dyDescent="0.25">
      <c r="A60" s="5" t="s">
        <v>126</v>
      </c>
      <c r="B60" s="7" t="s">
        <v>1665</v>
      </c>
      <c r="C60" s="8">
        <v>1026220122.77</v>
      </c>
      <c r="D60" s="8">
        <v>493917690</v>
      </c>
      <c r="E60" s="8">
        <v>478545197.66000003</v>
      </c>
      <c r="F60" s="8">
        <v>53757235.109999999</v>
      </c>
    </row>
    <row r="61" spans="1:6" x14ac:dyDescent="0.25">
      <c r="A61" s="4" t="s">
        <v>129</v>
      </c>
      <c r="B61" s="6" t="s">
        <v>1660</v>
      </c>
      <c r="C61" s="9">
        <v>968008622.01999998</v>
      </c>
      <c r="D61" s="9">
        <v>483063044.97000003</v>
      </c>
      <c r="E61" s="9">
        <v>431188941.94</v>
      </c>
      <c r="F61" s="9">
        <v>53756635.109999999</v>
      </c>
    </row>
    <row r="62" spans="1:6" x14ac:dyDescent="0.25">
      <c r="A62" s="4" t="s">
        <v>131</v>
      </c>
      <c r="B62" s="6" t="s">
        <v>1661</v>
      </c>
      <c r="C62" s="9">
        <v>6963242.1799999997</v>
      </c>
      <c r="D62" s="9">
        <v>46968.4</v>
      </c>
      <c r="E62" s="9">
        <v>6916273.7800000003</v>
      </c>
      <c r="F62" s="9">
        <v>0</v>
      </c>
    </row>
    <row r="63" spans="1:6" x14ac:dyDescent="0.25">
      <c r="A63" s="4" t="s">
        <v>133</v>
      </c>
      <c r="B63" s="6" t="s">
        <v>1662</v>
      </c>
      <c r="C63" s="9">
        <v>18618679</v>
      </c>
      <c r="D63" s="9">
        <v>5452850.4299999997</v>
      </c>
      <c r="E63" s="9">
        <v>13165828.57</v>
      </c>
      <c r="F63" s="9">
        <v>0</v>
      </c>
    </row>
    <row r="64" spans="1:6" x14ac:dyDescent="0.25">
      <c r="A64" s="4" t="s">
        <v>137</v>
      </c>
      <c r="B64" s="6" t="s">
        <v>1663</v>
      </c>
      <c r="C64" s="9">
        <v>30606960.280000001</v>
      </c>
      <c r="D64" s="9">
        <v>4807536.6399999997</v>
      </c>
      <c r="E64" s="9">
        <v>25798823.640000001</v>
      </c>
      <c r="F64" s="9">
        <v>600</v>
      </c>
    </row>
    <row r="65" spans="1:6" x14ac:dyDescent="0.25">
      <c r="A65" s="4" t="s">
        <v>141</v>
      </c>
      <c r="B65" s="6" t="s">
        <v>1666</v>
      </c>
      <c r="C65" s="9">
        <v>2022619.29</v>
      </c>
      <c r="D65" s="9">
        <v>547289.56000000006</v>
      </c>
      <c r="E65" s="9">
        <v>1475329.73</v>
      </c>
      <c r="F65" s="9">
        <v>0</v>
      </c>
    </row>
    <row r="66" spans="1:6" x14ac:dyDescent="0.25">
      <c r="A66" s="5" t="s">
        <v>145</v>
      </c>
      <c r="B66" s="7" t="s">
        <v>1548</v>
      </c>
      <c r="C66" s="8">
        <v>1820923068.1300001</v>
      </c>
      <c r="D66" s="8">
        <v>502241986.01999998</v>
      </c>
      <c r="E66" s="8">
        <v>1183099654.73</v>
      </c>
      <c r="F66" s="8">
        <v>135581427.38</v>
      </c>
    </row>
    <row r="68" spans="1:6" x14ac:dyDescent="0.25">
      <c r="A68" s="14" t="s">
        <v>6</v>
      </c>
      <c r="B68" s="14" t="s">
        <v>1667</v>
      </c>
      <c r="C68" s="14" t="s">
        <v>1668</v>
      </c>
      <c r="D68" s="14" t="s">
        <v>1669</v>
      </c>
      <c r="E68" s="14" t="s">
        <v>1669</v>
      </c>
    </row>
    <row r="69" spans="1:6" ht="21" x14ac:dyDescent="0.25">
      <c r="A69" s="14" t="s">
        <v>7</v>
      </c>
      <c r="B69" s="14" t="s">
        <v>7</v>
      </c>
      <c r="C69" s="14" t="s">
        <v>7</v>
      </c>
      <c r="D69" s="1" t="s">
        <v>1670</v>
      </c>
      <c r="E69" s="1" t="s">
        <v>1671</v>
      </c>
    </row>
    <row r="70" spans="1:6" x14ac:dyDescent="0.25">
      <c r="A70" s="4" t="s">
        <v>147</v>
      </c>
      <c r="B70" s="6" t="s">
        <v>1672</v>
      </c>
      <c r="C70" s="9">
        <v>3197625420.1799998</v>
      </c>
      <c r="D70" s="9">
        <v>25</v>
      </c>
      <c r="E70" s="9">
        <v>35.01</v>
      </c>
    </row>
    <row r="71" spans="1:6" x14ac:dyDescent="0.25">
      <c r="A71" s="4" t="s">
        <v>151</v>
      </c>
      <c r="B71" s="6" t="s">
        <v>1673</v>
      </c>
      <c r="C71" s="9">
        <v>1039855940.62</v>
      </c>
      <c r="D71" s="9">
        <v>60</v>
      </c>
      <c r="E71" s="9">
        <v>98.24</v>
      </c>
    </row>
    <row r="72" spans="1:6" x14ac:dyDescent="0.25">
      <c r="A72" s="4" t="s">
        <v>155</v>
      </c>
      <c r="B72" s="6" t="s">
        <v>1674</v>
      </c>
      <c r="C72" s="9">
        <v>0</v>
      </c>
      <c r="D72" s="9">
        <v>60</v>
      </c>
      <c r="E72" s="9">
        <v>0</v>
      </c>
    </row>
    <row r="73" spans="1:6" x14ac:dyDescent="0.25">
      <c r="A73" s="4" t="s">
        <v>158</v>
      </c>
      <c r="B73" s="6" t="s">
        <v>1675</v>
      </c>
      <c r="C73" s="9">
        <v>0</v>
      </c>
      <c r="D73" s="9">
        <v>0</v>
      </c>
      <c r="E73" s="9">
        <v>0</v>
      </c>
    </row>
    <row r="75" spans="1:6" x14ac:dyDescent="0.25">
      <c r="A75" s="14" t="s">
        <v>6</v>
      </c>
      <c r="B75" s="14" t="s">
        <v>1676</v>
      </c>
      <c r="C75" s="14" t="s">
        <v>1668</v>
      </c>
      <c r="D75" s="14" t="s">
        <v>1677</v>
      </c>
    </row>
    <row r="76" spans="1:6" x14ac:dyDescent="0.25">
      <c r="A76" s="14" t="s">
        <v>7</v>
      </c>
      <c r="B76" s="14" t="s">
        <v>7</v>
      </c>
      <c r="C76" s="14" t="s">
        <v>7</v>
      </c>
      <c r="D76" s="14" t="s">
        <v>7</v>
      </c>
    </row>
    <row r="77" spans="1:6" x14ac:dyDescent="0.25">
      <c r="A77" s="4" t="s">
        <v>161</v>
      </c>
      <c r="B77" s="6" t="s">
        <v>1678</v>
      </c>
      <c r="C77" s="9">
        <v>17613400</v>
      </c>
      <c r="D77" s="9">
        <v>5052300</v>
      </c>
    </row>
    <row r="78" spans="1:6" x14ac:dyDescent="0.25">
      <c r="A78" s="4" t="s">
        <v>163</v>
      </c>
      <c r="B78" s="6" t="s">
        <v>1679</v>
      </c>
      <c r="C78" s="9">
        <v>1605361267.4000001</v>
      </c>
      <c r="D78" s="9">
        <v>35812682.799999997</v>
      </c>
    </row>
    <row r="80" spans="1:6" x14ac:dyDescent="0.25">
      <c r="A80" s="14" t="s">
        <v>6</v>
      </c>
      <c r="B80" s="14" t="s">
        <v>1680</v>
      </c>
      <c r="C80" s="14" t="s">
        <v>1681</v>
      </c>
      <c r="D80" s="14" t="s">
        <v>1682</v>
      </c>
      <c r="E80" s="14" t="s">
        <v>1683</v>
      </c>
      <c r="F80" s="14" t="s">
        <v>1684</v>
      </c>
    </row>
    <row r="81" spans="1:6" x14ac:dyDescent="0.25">
      <c r="A81" s="14" t="s">
        <v>7</v>
      </c>
      <c r="B81" s="14" t="s">
        <v>7</v>
      </c>
      <c r="C81" s="14" t="s">
        <v>7</v>
      </c>
      <c r="D81" s="14" t="s">
        <v>7</v>
      </c>
      <c r="E81" s="14" t="s">
        <v>7</v>
      </c>
      <c r="F81" s="14" t="s">
        <v>7</v>
      </c>
    </row>
    <row r="82" spans="1:6" x14ac:dyDescent="0.25">
      <c r="A82" s="4" t="s">
        <v>167</v>
      </c>
      <c r="B82" s="6" t="s">
        <v>1685</v>
      </c>
      <c r="C82" s="9">
        <v>0</v>
      </c>
      <c r="D82" s="9">
        <v>0</v>
      </c>
      <c r="E82" s="9">
        <v>0</v>
      </c>
      <c r="F82" s="9">
        <v>0</v>
      </c>
    </row>
    <row r="83" spans="1:6" x14ac:dyDescent="0.25">
      <c r="A83" s="4" t="s">
        <v>171</v>
      </c>
      <c r="B83" s="6" t="s">
        <v>1686</v>
      </c>
      <c r="C83" s="9">
        <v>2202626040.5300002</v>
      </c>
      <c r="D83" s="9">
        <v>3622826727.7199998</v>
      </c>
      <c r="E83" s="9">
        <v>3939004043.54</v>
      </c>
      <c r="F83" s="9">
        <v>3797327199.5500002</v>
      </c>
    </row>
    <row r="84" spans="1:6" x14ac:dyDescent="0.25">
      <c r="A84" s="4" t="s">
        <v>175</v>
      </c>
      <c r="B84" s="6" t="s">
        <v>1687</v>
      </c>
      <c r="C84" s="9">
        <v>3086546860.1999998</v>
      </c>
      <c r="D84" s="9">
        <v>4160321618.8899999</v>
      </c>
      <c r="E84" s="9">
        <v>4692176591.46</v>
      </c>
      <c r="F84" s="9">
        <v>4450867708.3299999</v>
      </c>
    </row>
    <row r="85" spans="1:6" x14ac:dyDescent="0.25">
      <c r="A85" s="4" t="s">
        <v>177</v>
      </c>
      <c r="B85" s="6" t="s">
        <v>1642</v>
      </c>
      <c r="C85" s="9">
        <v>-883920819.66999996</v>
      </c>
      <c r="D85" s="9">
        <v>-537494891.16999996</v>
      </c>
      <c r="E85" s="9">
        <v>-753172547.90999997</v>
      </c>
      <c r="F85" s="9">
        <v>-653540508.77999997</v>
      </c>
    </row>
    <row r="86" spans="1:6" x14ac:dyDescent="0.25">
      <c r="A86" s="4" t="s">
        <v>181</v>
      </c>
      <c r="B86" s="6" t="s">
        <v>1688</v>
      </c>
      <c r="C86" s="9" t="s">
        <v>39</v>
      </c>
      <c r="D86" s="9" t="s">
        <v>39</v>
      </c>
      <c r="E86" s="9" t="s">
        <v>39</v>
      </c>
      <c r="F86" s="9" t="s">
        <v>39</v>
      </c>
    </row>
    <row r="87" spans="1:6" x14ac:dyDescent="0.25">
      <c r="A87" s="4" t="s">
        <v>185</v>
      </c>
      <c r="B87" s="6" t="s">
        <v>1686</v>
      </c>
      <c r="C87" s="9" t="s">
        <v>39</v>
      </c>
      <c r="D87" s="9" t="s">
        <v>39</v>
      </c>
      <c r="E87" s="9" t="s">
        <v>39</v>
      </c>
      <c r="F87" s="9" t="s">
        <v>39</v>
      </c>
    </row>
    <row r="88" spans="1:6" x14ac:dyDescent="0.25">
      <c r="A88" s="4" t="s">
        <v>188</v>
      </c>
      <c r="B88" s="6" t="s">
        <v>1687</v>
      </c>
      <c r="C88" s="9" t="s">
        <v>39</v>
      </c>
      <c r="D88" s="9" t="s">
        <v>39</v>
      </c>
      <c r="E88" s="9" t="s">
        <v>39</v>
      </c>
      <c r="F88" s="9" t="s">
        <v>39</v>
      </c>
    </row>
    <row r="89" spans="1:6" x14ac:dyDescent="0.25">
      <c r="A89" s="4" t="s">
        <v>191</v>
      </c>
      <c r="B89" s="6" t="s">
        <v>1642</v>
      </c>
      <c r="C89" s="9" t="s">
        <v>39</v>
      </c>
      <c r="D89" s="9" t="s">
        <v>39</v>
      </c>
      <c r="E89" s="9" t="s">
        <v>39</v>
      </c>
      <c r="F89" s="9" t="s">
        <v>39</v>
      </c>
    </row>
    <row r="91" spans="1:6" x14ac:dyDescent="0.25">
      <c r="A91" s="14" t="s">
        <v>6</v>
      </c>
      <c r="B91" s="14" t="s">
        <v>1689</v>
      </c>
      <c r="C91" s="14" t="s">
        <v>1668</v>
      </c>
      <c r="D91" s="14" t="s">
        <v>1690</v>
      </c>
    </row>
    <row r="92" spans="1:6" x14ac:dyDescent="0.25">
      <c r="A92" s="14" t="s">
        <v>7</v>
      </c>
      <c r="B92" s="14" t="s">
        <v>7</v>
      </c>
      <c r="C92" s="14" t="s">
        <v>7</v>
      </c>
      <c r="D92" s="14" t="s">
        <v>7</v>
      </c>
    </row>
    <row r="93" spans="1:6" x14ac:dyDescent="0.25">
      <c r="A93" s="4" t="s">
        <v>194</v>
      </c>
      <c r="B93" s="6" t="s">
        <v>1691</v>
      </c>
      <c r="C93" s="9">
        <v>4339668.8499999996</v>
      </c>
      <c r="D93" s="9">
        <v>-741468.85</v>
      </c>
    </row>
    <row r="94" spans="1:6" x14ac:dyDescent="0.25">
      <c r="A94" s="4" t="s">
        <v>197</v>
      </c>
      <c r="B94" s="6" t="s">
        <v>1692</v>
      </c>
      <c r="C94" s="9">
        <v>9959284.7200000007</v>
      </c>
      <c r="D94" s="9">
        <v>2532930.2799999998</v>
      </c>
    </row>
    <row r="96" spans="1:6" x14ac:dyDescent="0.25">
      <c r="A96" s="14" t="s">
        <v>6</v>
      </c>
      <c r="B96" s="14" t="s">
        <v>1693</v>
      </c>
      <c r="C96" s="14" t="s">
        <v>1668</v>
      </c>
      <c r="D96" s="14" t="s">
        <v>1694</v>
      </c>
      <c r="E96" s="14" t="s">
        <v>1694</v>
      </c>
    </row>
    <row r="97" spans="1:5" ht="21" x14ac:dyDescent="0.25">
      <c r="A97" s="14" t="s">
        <v>7</v>
      </c>
      <c r="B97" s="14" t="s">
        <v>7</v>
      </c>
      <c r="C97" s="14" t="s">
        <v>7</v>
      </c>
      <c r="D97" s="1" t="s">
        <v>1670</v>
      </c>
      <c r="E97" s="1" t="s">
        <v>1671</v>
      </c>
    </row>
    <row r="98" spans="1:5" x14ac:dyDescent="0.25">
      <c r="A98" s="4" t="s">
        <v>198</v>
      </c>
      <c r="B98" s="6" t="s">
        <v>1695</v>
      </c>
      <c r="C98" s="9">
        <v>1181362538.1700001</v>
      </c>
      <c r="D98" s="9">
        <v>12</v>
      </c>
      <c r="E98" s="9">
        <v>14.17</v>
      </c>
    </row>
    <row r="100" spans="1:5" x14ac:dyDescent="0.25">
      <c r="A100" s="14" t="s">
        <v>6</v>
      </c>
      <c r="B100" s="14" t="s">
        <v>1696</v>
      </c>
      <c r="C100" s="14" t="s">
        <v>1697</v>
      </c>
    </row>
    <row r="101" spans="1:5" x14ac:dyDescent="0.25">
      <c r="A101" s="14" t="s">
        <v>7</v>
      </c>
      <c r="B101" s="14" t="s">
        <v>7</v>
      </c>
      <c r="C101" s="14" t="s">
        <v>7</v>
      </c>
    </row>
    <row r="102" spans="1:5" x14ac:dyDescent="0.25">
      <c r="A102" s="4" t="s">
        <v>199</v>
      </c>
      <c r="B102" s="6" t="s">
        <v>1698</v>
      </c>
      <c r="C102" s="9" t="s">
        <v>39</v>
      </c>
    </row>
  </sheetData>
  <mergeCells count="54">
    <mergeCell ref="A96:A97"/>
    <mergeCell ref="B96:B97"/>
    <mergeCell ref="C96:C97"/>
    <mergeCell ref="D96:E96"/>
    <mergeCell ref="A100:A101"/>
    <mergeCell ref="B100:B101"/>
    <mergeCell ref="C100:C101"/>
    <mergeCell ref="E80:E81"/>
    <mergeCell ref="F80:F81"/>
    <mergeCell ref="A91:A92"/>
    <mergeCell ref="B91:B92"/>
    <mergeCell ref="C91:C92"/>
    <mergeCell ref="D91:D92"/>
    <mergeCell ref="A75:A76"/>
    <mergeCell ref="B75:B76"/>
    <mergeCell ref="C75:C76"/>
    <mergeCell ref="D75:D76"/>
    <mergeCell ref="A80:A81"/>
    <mergeCell ref="B80:B81"/>
    <mergeCell ref="C80:C81"/>
    <mergeCell ref="D80:D81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47:A48"/>
    <mergeCell ref="B47:B48"/>
    <mergeCell ref="C47:C48"/>
    <mergeCell ref="D47:D48"/>
    <mergeCell ref="E47:E48"/>
    <mergeCell ref="A32:A33"/>
    <mergeCell ref="B32:B33"/>
    <mergeCell ref="C32:C33"/>
    <mergeCell ref="A36:A37"/>
    <mergeCell ref="B36:B37"/>
    <mergeCell ref="C36:C37"/>
    <mergeCell ref="A9:F9"/>
    <mergeCell ref="A10:A11"/>
    <mergeCell ref="B10:B11"/>
    <mergeCell ref="C10:C11"/>
    <mergeCell ref="A27:A28"/>
    <mergeCell ref="B27:B28"/>
    <mergeCell ref="C27:C28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08"/>
  <sheetViews>
    <sheetView showGridLines="0" topLeftCell="C192" workbookViewId="0">
      <selection activeCell="J209" sqref="J209"/>
    </sheetView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8" max="9" width="19" bestFit="1" customWidth="1"/>
    <col min="10" max="10" width="20.140625" bestFit="1" customWidth="1"/>
    <col min="12" max="12" width="19" bestFit="1" customWidth="1"/>
    <col min="13" max="13" width="17.28515625" bestFit="1" customWidth="1"/>
  </cols>
  <sheetData>
    <row r="3" spans="1:13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</row>
    <row r="4" spans="1:13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</row>
    <row r="5" spans="1:13" x14ac:dyDescent="0.25">
      <c r="A5" s="12" t="s">
        <v>460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</row>
    <row r="6" spans="1:13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</row>
    <row r="7" spans="1:13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</row>
    <row r="9" spans="1:13" x14ac:dyDescent="0.25">
      <c r="A9" s="13" t="s">
        <v>461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</row>
    <row r="10" spans="1:13" x14ac:dyDescent="0.25">
      <c r="A10" s="14" t="s">
        <v>6</v>
      </c>
      <c r="B10" s="14" t="s">
        <v>462</v>
      </c>
      <c r="C10" s="14" t="s">
        <v>463</v>
      </c>
      <c r="D10" s="14" t="s">
        <v>464</v>
      </c>
      <c r="E10" s="14" t="s">
        <v>250</v>
      </c>
      <c r="F10" s="14" t="s">
        <v>7</v>
      </c>
      <c r="G10" s="14" t="s">
        <v>7</v>
      </c>
      <c r="H10" s="14" t="s">
        <v>467</v>
      </c>
      <c r="I10" s="14" t="s">
        <v>254</v>
      </c>
      <c r="J10" s="14" t="s">
        <v>7</v>
      </c>
      <c r="K10" s="14" t="s">
        <v>7</v>
      </c>
      <c r="L10" s="14" t="s">
        <v>470</v>
      </c>
      <c r="M10" s="14" t="s">
        <v>471</v>
      </c>
    </row>
    <row r="11" spans="1:13" ht="31.5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" t="s">
        <v>251</v>
      </c>
      <c r="F11" s="1" t="s">
        <v>465</v>
      </c>
      <c r="G11" s="1" t="s">
        <v>466</v>
      </c>
      <c r="H11" s="14" t="s">
        <v>7</v>
      </c>
      <c r="I11" s="1" t="s">
        <v>255</v>
      </c>
      <c r="J11" s="1" t="s">
        <v>468</v>
      </c>
      <c r="K11" s="1" t="s">
        <v>469</v>
      </c>
      <c r="L11" s="14" t="s">
        <v>7</v>
      </c>
      <c r="M11" s="14" t="s">
        <v>7</v>
      </c>
    </row>
    <row r="12" spans="1:13" x14ac:dyDescent="0.25">
      <c r="A12" s="5" t="s">
        <v>17</v>
      </c>
      <c r="B12" s="7" t="s">
        <v>472</v>
      </c>
      <c r="C12" s="8">
        <v>12485458900</v>
      </c>
      <c r="D12" s="8">
        <v>16103942048.809999</v>
      </c>
      <c r="E12" s="8">
        <v>1764154745.25</v>
      </c>
      <c r="F12" s="8">
        <v>12704495823.950001</v>
      </c>
      <c r="G12" s="8" t="s">
        <v>473</v>
      </c>
      <c r="H12" s="8">
        <v>3399446224.8600001</v>
      </c>
      <c r="I12" s="8">
        <v>1964900782.1900001</v>
      </c>
      <c r="J12" s="8" t="s">
        <v>262</v>
      </c>
      <c r="K12" s="8" t="s">
        <v>474</v>
      </c>
      <c r="L12" s="8">
        <v>4121730700.6900001</v>
      </c>
      <c r="M12" s="8">
        <v>722284475.83000004</v>
      </c>
    </row>
    <row r="13" spans="1:13" x14ac:dyDescent="0.25">
      <c r="A13" s="5" t="s">
        <v>21</v>
      </c>
      <c r="B13" s="7" t="s">
        <v>475</v>
      </c>
      <c r="C13" s="8">
        <v>484569700</v>
      </c>
      <c r="D13" s="8">
        <v>467509700</v>
      </c>
      <c r="E13" s="8">
        <v>35209029.969999999</v>
      </c>
      <c r="F13" s="8">
        <v>378852800</v>
      </c>
      <c r="G13" s="8" t="s">
        <v>476</v>
      </c>
      <c r="H13" s="8">
        <v>88656900</v>
      </c>
      <c r="I13" s="8">
        <v>79101536.430000007</v>
      </c>
      <c r="J13" s="8" t="s">
        <v>477</v>
      </c>
      <c r="K13" s="8" t="s">
        <v>478</v>
      </c>
      <c r="L13" s="8">
        <v>89800089.390000001</v>
      </c>
      <c r="M13" s="8">
        <v>1143189.3899999999</v>
      </c>
    </row>
    <row r="14" spans="1:13" x14ac:dyDescent="0.25">
      <c r="A14" s="4" t="s">
        <v>25</v>
      </c>
      <c r="B14" s="6" t="s">
        <v>479</v>
      </c>
      <c r="C14" s="9">
        <v>247719700</v>
      </c>
      <c r="D14" s="9">
        <v>243949700</v>
      </c>
      <c r="E14" s="9">
        <v>25819882.329999998</v>
      </c>
      <c r="F14" s="9">
        <v>189917685.38999999</v>
      </c>
      <c r="G14" s="9" t="s">
        <v>480</v>
      </c>
      <c r="H14" s="9">
        <v>54032014.609999999</v>
      </c>
      <c r="I14" s="9">
        <v>40984800.240000002</v>
      </c>
      <c r="J14" s="9" t="s">
        <v>481</v>
      </c>
      <c r="K14" s="9" t="s">
        <v>482</v>
      </c>
      <c r="L14" s="9">
        <v>54484139.869999997</v>
      </c>
      <c r="M14" s="9">
        <v>452125.26</v>
      </c>
    </row>
    <row r="15" spans="1:13" x14ac:dyDescent="0.25">
      <c r="A15" s="4" t="s">
        <v>29</v>
      </c>
      <c r="B15" s="6" t="s">
        <v>483</v>
      </c>
      <c r="C15" s="9">
        <v>236850000</v>
      </c>
      <c r="D15" s="9">
        <v>223560000</v>
      </c>
      <c r="E15" s="9">
        <v>9389147.6400000006</v>
      </c>
      <c r="F15" s="9">
        <v>188935114.61000001</v>
      </c>
      <c r="G15" s="9" t="s">
        <v>484</v>
      </c>
      <c r="H15" s="9">
        <v>34624885.390000001</v>
      </c>
      <c r="I15" s="9">
        <v>38116736.189999998</v>
      </c>
      <c r="J15" s="9" t="s">
        <v>485</v>
      </c>
      <c r="K15" s="9" t="s">
        <v>486</v>
      </c>
      <c r="L15" s="9">
        <v>35315949.520000003</v>
      </c>
      <c r="M15" s="9">
        <v>691064.13</v>
      </c>
    </row>
    <row r="16" spans="1:13" x14ac:dyDescent="0.25">
      <c r="A16" s="5" t="s">
        <v>33</v>
      </c>
      <c r="B16" s="7" t="s">
        <v>487</v>
      </c>
      <c r="C16" s="8">
        <v>905070000</v>
      </c>
      <c r="D16" s="8">
        <v>926418932.92999995</v>
      </c>
      <c r="E16" s="8">
        <v>-34816187.079999998</v>
      </c>
      <c r="F16" s="8">
        <v>856302203.07000005</v>
      </c>
      <c r="G16" s="8" t="s">
        <v>488</v>
      </c>
      <c r="H16" s="8">
        <v>70116729.859999999</v>
      </c>
      <c r="I16" s="8">
        <v>159789899.97999999</v>
      </c>
      <c r="J16" s="8" t="s">
        <v>489</v>
      </c>
      <c r="K16" s="8" t="s">
        <v>490</v>
      </c>
      <c r="L16" s="8">
        <v>85504923.060000002</v>
      </c>
      <c r="M16" s="8">
        <v>15388193.199999999</v>
      </c>
    </row>
    <row r="17" spans="1:13" x14ac:dyDescent="0.25">
      <c r="A17" s="4" t="s">
        <v>37</v>
      </c>
      <c r="B17" s="6" t="s">
        <v>491</v>
      </c>
      <c r="C17" s="9">
        <v>112779200</v>
      </c>
      <c r="D17" s="9">
        <v>147741215</v>
      </c>
      <c r="E17" s="9">
        <v>1997467.8</v>
      </c>
      <c r="F17" s="9">
        <v>137775024.56999999</v>
      </c>
      <c r="G17" s="9" t="s">
        <v>492</v>
      </c>
      <c r="H17" s="9">
        <v>9966190.4299999997</v>
      </c>
      <c r="I17" s="9">
        <v>22338729</v>
      </c>
      <c r="J17" s="9" t="s">
        <v>493</v>
      </c>
      <c r="K17" s="9" t="s">
        <v>494</v>
      </c>
      <c r="L17" s="9">
        <v>20912608.25</v>
      </c>
      <c r="M17" s="9">
        <v>10946417.82</v>
      </c>
    </row>
    <row r="18" spans="1:13" x14ac:dyDescent="0.25">
      <c r="A18" s="4" t="s">
        <v>40</v>
      </c>
      <c r="B18" s="6" t="s">
        <v>495</v>
      </c>
      <c r="C18" s="9">
        <v>754438000</v>
      </c>
      <c r="D18" s="9">
        <v>740792917.92999995</v>
      </c>
      <c r="E18" s="9">
        <v>-37279172.140000001</v>
      </c>
      <c r="F18" s="9">
        <v>683949600.22000003</v>
      </c>
      <c r="G18" s="9" t="s">
        <v>497</v>
      </c>
      <c r="H18" s="9">
        <v>56843317.710000001</v>
      </c>
      <c r="I18" s="9">
        <v>132952270.45</v>
      </c>
      <c r="J18" s="9" t="s">
        <v>496</v>
      </c>
      <c r="K18" s="9" t="s">
        <v>498</v>
      </c>
      <c r="L18" s="9">
        <v>56843317.710000001</v>
      </c>
      <c r="M18" s="9">
        <v>0</v>
      </c>
    </row>
    <row r="19" spans="1:13" x14ac:dyDescent="0.25">
      <c r="A19" s="4" t="s">
        <v>44</v>
      </c>
      <c r="B19" s="6" t="s">
        <v>499</v>
      </c>
      <c r="C19" s="9">
        <v>30000000</v>
      </c>
      <c r="D19" s="9">
        <v>30000000</v>
      </c>
      <c r="E19" s="9">
        <v>1183951.95</v>
      </c>
      <c r="F19" s="9">
        <v>29353596.07</v>
      </c>
      <c r="G19" s="9" t="s">
        <v>500</v>
      </c>
      <c r="H19" s="9">
        <v>646403.93000000005</v>
      </c>
      <c r="I19" s="9">
        <v>3204008.93</v>
      </c>
      <c r="J19" s="9" t="s">
        <v>501</v>
      </c>
      <c r="K19" s="9" t="s">
        <v>502</v>
      </c>
      <c r="L19" s="9">
        <v>4693318.18</v>
      </c>
      <c r="M19" s="9">
        <v>4046914.25</v>
      </c>
    </row>
    <row r="20" spans="1:13" x14ac:dyDescent="0.25">
      <c r="A20" s="4" t="s">
        <v>46</v>
      </c>
      <c r="B20" s="6" t="s">
        <v>503</v>
      </c>
      <c r="C20" s="9">
        <v>4032700</v>
      </c>
      <c r="D20" s="9">
        <v>4032700</v>
      </c>
      <c r="E20" s="9">
        <v>-740914.62</v>
      </c>
      <c r="F20" s="9">
        <v>2021723.68</v>
      </c>
      <c r="G20" s="9" t="s">
        <v>504</v>
      </c>
      <c r="H20" s="9">
        <v>2010976.32</v>
      </c>
      <c r="I20" s="9">
        <v>848036.73</v>
      </c>
      <c r="J20" s="9" t="s">
        <v>505</v>
      </c>
      <c r="K20" s="9" t="s">
        <v>504</v>
      </c>
      <c r="L20" s="9">
        <v>2020454.92</v>
      </c>
      <c r="M20" s="9">
        <v>9478.6</v>
      </c>
    </row>
    <row r="21" spans="1:13" x14ac:dyDescent="0.25">
      <c r="A21" s="4" t="s">
        <v>48</v>
      </c>
      <c r="B21" s="6" t="s">
        <v>506</v>
      </c>
      <c r="C21" s="9">
        <v>3188100</v>
      </c>
      <c r="D21" s="9">
        <v>3220100</v>
      </c>
      <c r="E21" s="9">
        <v>35131.949999999997</v>
      </c>
      <c r="F21" s="9">
        <v>2582910.5499999998</v>
      </c>
      <c r="G21" s="9" t="s">
        <v>507</v>
      </c>
      <c r="H21" s="9">
        <v>637189.44999999995</v>
      </c>
      <c r="I21" s="9">
        <v>342187.44</v>
      </c>
      <c r="J21" s="9" t="s">
        <v>508</v>
      </c>
      <c r="K21" s="9" t="s">
        <v>507</v>
      </c>
      <c r="L21" s="9">
        <v>1022571.98</v>
      </c>
      <c r="M21" s="9">
        <v>385382.53</v>
      </c>
    </row>
    <row r="22" spans="1:13" x14ac:dyDescent="0.25">
      <c r="A22" s="4" t="s">
        <v>50</v>
      </c>
      <c r="B22" s="6" t="s">
        <v>509</v>
      </c>
      <c r="C22" s="9">
        <v>632000</v>
      </c>
      <c r="D22" s="9">
        <v>632000</v>
      </c>
      <c r="E22" s="9">
        <v>-12652.02</v>
      </c>
      <c r="F22" s="9">
        <v>619347.98</v>
      </c>
      <c r="G22" s="9" t="s">
        <v>39</v>
      </c>
      <c r="H22" s="9">
        <v>12652.02</v>
      </c>
      <c r="I22" s="9">
        <v>104667.43</v>
      </c>
      <c r="J22" s="9" t="s">
        <v>510</v>
      </c>
      <c r="K22" s="9" t="s">
        <v>39</v>
      </c>
      <c r="L22" s="9">
        <v>12652.02</v>
      </c>
      <c r="M22" s="9">
        <v>0</v>
      </c>
    </row>
    <row r="23" spans="1:13" x14ac:dyDescent="0.25">
      <c r="A23" s="5" t="s">
        <v>52</v>
      </c>
      <c r="B23" s="7" t="s">
        <v>511</v>
      </c>
      <c r="C23" s="8">
        <v>812025900</v>
      </c>
      <c r="D23" s="8">
        <v>866524698.20000005</v>
      </c>
      <c r="E23" s="8">
        <v>131052381.29000001</v>
      </c>
      <c r="F23" s="8">
        <v>737361492.08000004</v>
      </c>
      <c r="G23" s="8" t="s">
        <v>512</v>
      </c>
      <c r="H23" s="8">
        <v>129163206.12</v>
      </c>
      <c r="I23" s="8">
        <v>136744390.44</v>
      </c>
      <c r="J23" s="8" t="s">
        <v>513</v>
      </c>
      <c r="K23" s="8" t="s">
        <v>514</v>
      </c>
      <c r="L23" s="8">
        <v>149537174.84999999</v>
      </c>
      <c r="M23" s="8">
        <v>20373968.73</v>
      </c>
    </row>
    <row r="24" spans="1:13" x14ac:dyDescent="0.25">
      <c r="A24" s="4" t="s">
        <v>56</v>
      </c>
      <c r="B24" s="6" t="s">
        <v>515</v>
      </c>
      <c r="C24" s="9">
        <v>398943000</v>
      </c>
      <c r="D24" s="9">
        <v>403294000</v>
      </c>
      <c r="E24" s="9">
        <v>84276539.849999994</v>
      </c>
      <c r="F24" s="9">
        <v>360786998.52999997</v>
      </c>
      <c r="G24" s="9" t="s">
        <v>516</v>
      </c>
      <c r="H24" s="9">
        <v>42507001.469999999</v>
      </c>
      <c r="I24" s="9">
        <v>86975573.040000007</v>
      </c>
      <c r="J24" s="9" t="s">
        <v>517</v>
      </c>
      <c r="K24" s="9" t="s">
        <v>518</v>
      </c>
      <c r="L24" s="9">
        <v>58773927.829999998</v>
      </c>
      <c r="M24" s="9">
        <v>16266926.359999999</v>
      </c>
    </row>
    <row r="25" spans="1:13" x14ac:dyDescent="0.25">
      <c r="A25" s="4" t="s">
        <v>60</v>
      </c>
      <c r="B25" s="6" t="s">
        <v>519</v>
      </c>
      <c r="C25" s="9">
        <v>76442500</v>
      </c>
      <c r="D25" s="9">
        <v>70954300</v>
      </c>
      <c r="E25" s="9">
        <v>10054935.140000001</v>
      </c>
      <c r="F25" s="9">
        <v>54122656.100000001</v>
      </c>
      <c r="G25" s="9" t="s">
        <v>520</v>
      </c>
      <c r="H25" s="9">
        <v>16831643.899999999</v>
      </c>
      <c r="I25" s="9">
        <v>9332157.5999999996</v>
      </c>
      <c r="J25" s="9" t="s">
        <v>521</v>
      </c>
      <c r="K25" s="9" t="s">
        <v>520</v>
      </c>
      <c r="L25" s="9">
        <v>19411838.73</v>
      </c>
      <c r="M25" s="9">
        <v>2580194.83</v>
      </c>
    </row>
    <row r="26" spans="1:13" x14ac:dyDescent="0.25">
      <c r="A26" s="4" t="s">
        <v>64</v>
      </c>
      <c r="B26" s="6" t="s">
        <v>495</v>
      </c>
      <c r="C26" s="9">
        <v>18890700</v>
      </c>
      <c r="D26" s="9">
        <v>18617700</v>
      </c>
      <c r="E26" s="9">
        <v>-728687.52</v>
      </c>
      <c r="F26" s="9">
        <v>13894345.73</v>
      </c>
      <c r="G26" s="9" t="s">
        <v>522</v>
      </c>
      <c r="H26" s="9">
        <v>4723354.2699999996</v>
      </c>
      <c r="I26" s="9">
        <v>2523895.31</v>
      </c>
      <c r="J26" s="9" t="s">
        <v>523</v>
      </c>
      <c r="K26" s="9" t="s">
        <v>522</v>
      </c>
      <c r="L26" s="9">
        <v>6206383.4199999999</v>
      </c>
      <c r="M26" s="9">
        <v>1483029.15</v>
      </c>
    </row>
    <row r="27" spans="1:13" x14ac:dyDescent="0.25">
      <c r="A27" s="4" t="s">
        <v>66</v>
      </c>
      <c r="B27" s="6" t="s">
        <v>503</v>
      </c>
      <c r="C27" s="9">
        <v>5420000</v>
      </c>
      <c r="D27" s="9">
        <v>11189430</v>
      </c>
      <c r="E27" s="9">
        <v>608302.05000000005</v>
      </c>
      <c r="F27" s="9">
        <v>8682623.7100000009</v>
      </c>
      <c r="G27" s="9" t="s">
        <v>524</v>
      </c>
      <c r="H27" s="9">
        <v>2506806.29</v>
      </c>
      <c r="I27" s="9">
        <v>749159.9</v>
      </c>
      <c r="J27" s="9" t="s">
        <v>525</v>
      </c>
      <c r="K27" s="9" t="s">
        <v>524</v>
      </c>
      <c r="L27" s="9">
        <v>2531806.29</v>
      </c>
      <c r="M27" s="9">
        <v>25000</v>
      </c>
    </row>
    <row r="28" spans="1:13" x14ac:dyDescent="0.25">
      <c r="A28" s="4" t="s">
        <v>70</v>
      </c>
      <c r="B28" s="6" t="s">
        <v>526</v>
      </c>
      <c r="C28" s="9">
        <v>150902000</v>
      </c>
      <c r="D28" s="9">
        <v>158441568.19999999</v>
      </c>
      <c r="E28" s="9">
        <v>35751634.219999999</v>
      </c>
      <c r="F28" s="9">
        <v>158298878.41999999</v>
      </c>
      <c r="G28" s="9" t="s">
        <v>527</v>
      </c>
      <c r="H28" s="9">
        <v>142689.78</v>
      </c>
      <c r="I28" s="9">
        <v>35882258.159999996</v>
      </c>
      <c r="J28" s="9" t="s">
        <v>528</v>
      </c>
      <c r="K28" s="9" t="s">
        <v>529</v>
      </c>
      <c r="L28" s="9">
        <v>161508.17000000001</v>
      </c>
      <c r="M28" s="9">
        <v>18818.39</v>
      </c>
    </row>
    <row r="29" spans="1:13" x14ac:dyDescent="0.25">
      <c r="A29" s="4" t="s">
        <v>72</v>
      </c>
      <c r="B29" s="6" t="s">
        <v>509</v>
      </c>
      <c r="C29" s="9">
        <v>161427700</v>
      </c>
      <c r="D29" s="9">
        <v>204027700</v>
      </c>
      <c r="E29" s="9">
        <v>1089657.55</v>
      </c>
      <c r="F29" s="9">
        <v>141575989.59</v>
      </c>
      <c r="G29" s="9" t="s">
        <v>531</v>
      </c>
      <c r="H29" s="9">
        <v>62451710.409999996</v>
      </c>
      <c r="I29" s="9">
        <v>1281346.43</v>
      </c>
      <c r="J29" s="9" t="s">
        <v>530</v>
      </c>
      <c r="K29" s="9" t="s">
        <v>532</v>
      </c>
      <c r="L29" s="9">
        <v>62451710.409999996</v>
      </c>
      <c r="M29" s="9">
        <v>0</v>
      </c>
    </row>
    <row r="30" spans="1:13" x14ac:dyDescent="0.25">
      <c r="A30" s="5" t="s">
        <v>76</v>
      </c>
      <c r="B30" s="7" t="s">
        <v>533</v>
      </c>
      <c r="C30" s="8">
        <v>824082600</v>
      </c>
      <c r="D30" s="8">
        <v>935985577.44000006</v>
      </c>
      <c r="E30" s="8">
        <v>162386634.58000001</v>
      </c>
      <c r="F30" s="8">
        <v>815848586.10000002</v>
      </c>
      <c r="G30" s="8" t="s">
        <v>534</v>
      </c>
      <c r="H30" s="8">
        <v>120136991.34</v>
      </c>
      <c r="I30" s="8">
        <v>153617646.15000001</v>
      </c>
      <c r="J30" s="8" t="s">
        <v>535</v>
      </c>
      <c r="K30" s="8" t="s">
        <v>536</v>
      </c>
      <c r="L30" s="8">
        <v>166519528.16</v>
      </c>
      <c r="M30" s="8">
        <v>46382536.82</v>
      </c>
    </row>
    <row r="31" spans="1:13" x14ac:dyDescent="0.25">
      <c r="A31" s="4" t="s">
        <v>78</v>
      </c>
      <c r="B31" s="6" t="s">
        <v>495</v>
      </c>
      <c r="C31" s="9">
        <v>322388800</v>
      </c>
      <c r="D31" s="9">
        <v>364898750.50999999</v>
      </c>
      <c r="E31" s="9">
        <v>38551210.479999997</v>
      </c>
      <c r="F31" s="9">
        <v>274180579.5</v>
      </c>
      <c r="G31" s="9" t="s">
        <v>537</v>
      </c>
      <c r="H31" s="9">
        <v>90718171.010000005</v>
      </c>
      <c r="I31" s="9">
        <v>38336992.340000004</v>
      </c>
      <c r="J31" s="9" t="s">
        <v>538</v>
      </c>
      <c r="K31" s="9" t="s">
        <v>539</v>
      </c>
      <c r="L31" s="9">
        <v>106847839.09999999</v>
      </c>
      <c r="M31" s="9">
        <v>16129668.09</v>
      </c>
    </row>
    <row r="32" spans="1:13" x14ac:dyDescent="0.25">
      <c r="A32" s="4" t="s">
        <v>80</v>
      </c>
      <c r="B32" s="6" t="s">
        <v>540</v>
      </c>
      <c r="C32" s="9">
        <v>488978400</v>
      </c>
      <c r="D32" s="9">
        <v>557548684.39999998</v>
      </c>
      <c r="E32" s="9">
        <v>121064587.59999999</v>
      </c>
      <c r="F32" s="9">
        <v>529831684.95999998</v>
      </c>
      <c r="G32" s="9" t="s">
        <v>541</v>
      </c>
      <c r="H32" s="9">
        <v>27716999.440000001</v>
      </c>
      <c r="I32" s="9">
        <v>112453063.33</v>
      </c>
      <c r="J32" s="9" t="s">
        <v>542</v>
      </c>
      <c r="K32" s="9" t="s">
        <v>543</v>
      </c>
      <c r="L32" s="9">
        <v>57968704.170000002</v>
      </c>
      <c r="M32" s="9">
        <v>30251704.73</v>
      </c>
    </row>
    <row r="33" spans="1:13" x14ac:dyDescent="0.25">
      <c r="A33" s="4" t="s">
        <v>82</v>
      </c>
      <c r="B33" s="6" t="s">
        <v>544</v>
      </c>
      <c r="C33" s="9">
        <v>12681800</v>
      </c>
      <c r="D33" s="9">
        <v>13502742.529999999</v>
      </c>
      <c r="E33" s="9">
        <v>2771670.5</v>
      </c>
      <c r="F33" s="9">
        <v>11818131.640000001</v>
      </c>
      <c r="G33" s="9" t="s">
        <v>545</v>
      </c>
      <c r="H33" s="9">
        <v>1684610.89</v>
      </c>
      <c r="I33" s="9">
        <v>2826160.48</v>
      </c>
      <c r="J33" s="9" t="s">
        <v>546</v>
      </c>
      <c r="K33" s="9" t="s">
        <v>545</v>
      </c>
      <c r="L33" s="9">
        <v>1685774.89</v>
      </c>
      <c r="M33" s="9">
        <v>1164</v>
      </c>
    </row>
    <row r="34" spans="1:13" x14ac:dyDescent="0.25">
      <c r="A34" s="4" t="s">
        <v>86</v>
      </c>
      <c r="B34" s="6" t="s">
        <v>547</v>
      </c>
      <c r="C34" s="9">
        <v>33600</v>
      </c>
      <c r="D34" s="9">
        <v>35400</v>
      </c>
      <c r="E34" s="9">
        <v>-834</v>
      </c>
      <c r="F34" s="9">
        <v>18190</v>
      </c>
      <c r="G34" s="9" t="s">
        <v>39</v>
      </c>
      <c r="H34" s="9">
        <v>17210</v>
      </c>
      <c r="I34" s="9">
        <v>1430</v>
      </c>
      <c r="J34" s="9" t="s">
        <v>548</v>
      </c>
      <c r="K34" s="9" t="s">
        <v>39</v>
      </c>
      <c r="L34" s="9">
        <v>17210</v>
      </c>
      <c r="M34" s="9">
        <v>0</v>
      </c>
    </row>
    <row r="35" spans="1:13" x14ac:dyDescent="0.25">
      <c r="A35" s="5" t="s">
        <v>90</v>
      </c>
      <c r="B35" s="7" t="s">
        <v>549</v>
      </c>
      <c r="C35" s="8">
        <v>1428899000</v>
      </c>
      <c r="D35" s="8">
        <v>1406891768.5699999</v>
      </c>
      <c r="E35" s="8">
        <v>155303405.5</v>
      </c>
      <c r="F35" s="8">
        <v>1152447553.21</v>
      </c>
      <c r="G35" s="8" t="s">
        <v>550</v>
      </c>
      <c r="H35" s="8">
        <v>254444215.36000001</v>
      </c>
      <c r="I35" s="8">
        <v>173183101.18000001</v>
      </c>
      <c r="J35" s="8" t="s">
        <v>551</v>
      </c>
      <c r="K35" s="8" t="s">
        <v>552</v>
      </c>
      <c r="L35" s="8">
        <v>290697757.77999997</v>
      </c>
      <c r="M35" s="8">
        <v>36253542.420000002</v>
      </c>
    </row>
    <row r="36" spans="1:13" x14ac:dyDescent="0.25">
      <c r="A36" s="4" t="s">
        <v>94</v>
      </c>
      <c r="B36" s="6" t="s">
        <v>553</v>
      </c>
      <c r="C36" s="9">
        <v>1428762700</v>
      </c>
      <c r="D36" s="9">
        <v>1405560538.5699999</v>
      </c>
      <c r="E36" s="9">
        <v>155372200.13</v>
      </c>
      <c r="F36" s="9">
        <v>1151668119.46</v>
      </c>
      <c r="G36" s="9" t="s">
        <v>554</v>
      </c>
      <c r="H36" s="9">
        <v>253892419.11000001</v>
      </c>
      <c r="I36" s="9">
        <v>173070076.97999999</v>
      </c>
      <c r="J36" s="9" t="s">
        <v>555</v>
      </c>
      <c r="K36" s="9" t="s">
        <v>556</v>
      </c>
      <c r="L36" s="9">
        <v>290145961.52999997</v>
      </c>
      <c r="M36" s="9">
        <v>36253542.420000002</v>
      </c>
    </row>
    <row r="37" spans="1:13" x14ac:dyDescent="0.25">
      <c r="A37" s="4" t="s">
        <v>98</v>
      </c>
      <c r="B37" s="6" t="s">
        <v>557</v>
      </c>
      <c r="C37" s="9">
        <v>136300</v>
      </c>
      <c r="D37" s="9">
        <v>1331230</v>
      </c>
      <c r="E37" s="9">
        <v>-68794.63</v>
      </c>
      <c r="F37" s="9">
        <v>779433.75</v>
      </c>
      <c r="G37" s="9" t="s">
        <v>504</v>
      </c>
      <c r="H37" s="9">
        <v>551796.25</v>
      </c>
      <c r="I37" s="9">
        <v>113024.2</v>
      </c>
      <c r="J37" s="9" t="s">
        <v>558</v>
      </c>
      <c r="K37" s="9" t="s">
        <v>504</v>
      </c>
      <c r="L37" s="9">
        <v>551796.25</v>
      </c>
      <c r="M37" s="9">
        <v>0</v>
      </c>
    </row>
    <row r="38" spans="1:13" x14ac:dyDescent="0.25">
      <c r="A38" s="4" t="s">
        <v>100</v>
      </c>
      <c r="B38" s="6" t="s">
        <v>559</v>
      </c>
      <c r="C38" s="9">
        <v>0</v>
      </c>
      <c r="D38" s="9">
        <v>0</v>
      </c>
      <c r="E38" s="9">
        <v>0</v>
      </c>
      <c r="F38" s="9">
        <v>0</v>
      </c>
      <c r="G38" s="9" t="s">
        <v>39</v>
      </c>
      <c r="H38" s="9">
        <v>0</v>
      </c>
      <c r="I38" s="9">
        <v>0</v>
      </c>
      <c r="J38" s="9" t="s">
        <v>39</v>
      </c>
      <c r="K38" s="9" t="s">
        <v>39</v>
      </c>
      <c r="L38" s="9">
        <v>0</v>
      </c>
      <c r="M38" s="9">
        <v>0</v>
      </c>
    </row>
    <row r="39" spans="1:13" x14ac:dyDescent="0.25">
      <c r="A39" s="5" t="s">
        <v>104</v>
      </c>
      <c r="B39" s="7" t="s">
        <v>560</v>
      </c>
      <c r="C39" s="8">
        <v>219106100</v>
      </c>
      <c r="D39" s="8">
        <v>220710266.41999999</v>
      </c>
      <c r="E39" s="8">
        <v>34572711.439999998</v>
      </c>
      <c r="F39" s="8">
        <v>183959277.78</v>
      </c>
      <c r="G39" s="8" t="s">
        <v>561</v>
      </c>
      <c r="H39" s="8">
        <v>36750988.640000001</v>
      </c>
      <c r="I39" s="8">
        <v>33789052.939999998</v>
      </c>
      <c r="J39" s="8" t="s">
        <v>562</v>
      </c>
      <c r="K39" s="8" t="s">
        <v>484</v>
      </c>
      <c r="L39" s="8">
        <v>41390552.600000001</v>
      </c>
      <c r="M39" s="8">
        <v>4639563.96</v>
      </c>
    </row>
    <row r="40" spans="1:13" x14ac:dyDescent="0.25">
      <c r="A40" s="4" t="s">
        <v>108</v>
      </c>
      <c r="B40" s="6" t="s">
        <v>563</v>
      </c>
      <c r="C40" s="9">
        <v>434400</v>
      </c>
      <c r="D40" s="9">
        <v>434400</v>
      </c>
      <c r="E40" s="9">
        <v>94851</v>
      </c>
      <c r="F40" s="9">
        <v>94851</v>
      </c>
      <c r="G40" s="9" t="s">
        <v>39</v>
      </c>
      <c r="H40" s="9">
        <v>339549</v>
      </c>
      <c r="I40" s="9">
        <v>94851</v>
      </c>
      <c r="J40" s="9" t="s">
        <v>564</v>
      </c>
      <c r="K40" s="9" t="s">
        <v>39</v>
      </c>
      <c r="L40" s="9">
        <v>339549</v>
      </c>
      <c r="M40" s="9">
        <v>0</v>
      </c>
    </row>
    <row r="41" spans="1:13" x14ac:dyDescent="0.25">
      <c r="A41" s="4" t="s">
        <v>112</v>
      </c>
      <c r="B41" s="6" t="s">
        <v>565</v>
      </c>
      <c r="C41" s="9">
        <v>196811900</v>
      </c>
      <c r="D41" s="9">
        <v>202898896.41999999</v>
      </c>
      <c r="E41" s="9">
        <v>33620367.140000001</v>
      </c>
      <c r="F41" s="9">
        <v>170964315.13</v>
      </c>
      <c r="G41" s="9" t="s">
        <v>566</v>
      </c>
      <c r="H41" s="9">
        <v>31934581.289999999</v>
      </c>
      <c r="I41" s="9">
        <v>32642351.690000001</v>
      </c>
      <c r="J41" s="9" t="s">
        <v>567</v>
      </c>
      <c r="K41" s="9" t="s">
        <v>568</v>
      </c>
      <c r="L41" s="9">
        <v>35976190.890000001</v>
      </c>
      <c r="M41" s="9">
        <v>4041609.6</v>
      </c>
    </row>
    <row r="42" spans="1:13" x14ac:dyDescent="0.25">
      <c r="A42" s="4" t="s">
        <v>114</v>
      </c>
      <c r="B42" s="6" t="s">
        <v>569</v>
      </c>
      <c r="C42" s="9">
        <v>21670000</v>
      </c>
      <c r="D42" s="9">
        <v>16970000</v>
      </c>
      <c r="E42" s="9">
        <v>856355.93</v>
      </c>
      <c r="F42" s="9">
        <v>12668679.279999999</v>
      </c>
      <c r="G42" s="9" t="s">
        <v>522</v>
      </c>
      <c r="H42" s="9">
        <v>4301320.72</v>
      </c>
      <c r="I42" s="9">
        <v>1000143.48</v>
      </c>
      <c r="J42" s="9" t="s">
        <v>570</v>
      </c>
      <c r="K42" s="9" t="s">
        <v>522</v>
      </c>
      <c r="L42" s="9">
        <v>4879840.08</v>
      </c>
      <c r="M42" s="9">
        <v>578519.36</v>
      </c>
    </row>
    <row r="43" spans="1:13" x14ac:dyDescent="0.25">
      <c r="A43" s="4" t="s">
        <v>118</v>
      </c>
      <c r="B43" s="6" t="s">
        <v>526</v>
      </c>
      <c r="C43" s="9">
        <v>180200</v>
      </c>
      <c r="D43" s="9">
        <v>396520</v>
      </c>
      <c r="E43" s="9">
        <v>-619.4</v>
      </c>
      <c r="F43" s="9">
        <v>221037.07</v>
      </c>
      <c r="G43" s="9" t="s">
        <v>39</v>
      </c>
      <c r="H43" s="9">
        <v>175482.93</v>
      </c>
      <c r="I43" s="9">
        <v>49950</v>
      </c>
      <c r="J43" s="9" t="s">
        <v>571</v>
      </c>
      <c r="K43" s="9" t="s">
        <v>39</v>
      </c>
      <c r="L43" s="9">
        <v>194917.93</v>
      </c>
      <c r="M43" s="9">
        <v>19435</v>
      </c>
    </row>
    <row r="44" spans="1:13" x14ac:dyDescent="0.25">
      <c r="A44" s="4" t="s">
        <v>122</v>
      </c>
      <c r="B44" s="6" t="s">
        <v>572</v>
      </c>
      <c r="C44" s="9">
        <v>9600</v>
      </c>
      <c r="D44" s="9">
        <v>10450</v>
      </c>
      <c r="E44" s="9">
        <v>1756.77</v>
      </c>
      <c r="F44" s="9">
        <v>10395.299999999999</v>
      </c>
      <c r="G44" s="9" t="s">
        <v>39</v>
      </c>
      <c r="H44" s="9">
        <v>54.7</v>
      </c>
      <c r="I44" s="9">
        <v>1756.77</v>
      </c>
      <c r="J44" s="9" t="s">
        <v>573</v>
      </c>
      <c r="K44" s="9" t="s">
        <v>39</v>
      </c>
      <c r="L44" s="9">
        <v>54.7</v>
      </c>
      <c r="M44" s="9">
        <v>0</v>
      </c>
    </row>
    <row r="45" spans="1:13" x14ac:dyDescent="0.25">
      <c r="A45" s="5" t="s">
        <v>126</v>
      </c>
      <c r="B45" s="7" t="s">
        <v>574</v>
      </c>
      <c r="C45" s="8">
        <v>2031482200</v>
      </c>
      <c r="D45" s="8">
        <v>4749406379</v>
      </c>
      <c r="E45" s="8">
        <v>710997729.35000002</v>
      </c>
      <c r="F45" s="8">
        <v>3086382401.8200002</v>
      </c>
      <c r="G45" s="8" t="s">
        <v>575</v>
      </c>
      <c r="H45" s="8">
        <v>1663023977.1800001</v>
      </c>
      <c r="I45" s="8">
        <v>474540324.26999998</v>
      </c>
      <c r="J45" s="8" t="s">
        <v>576</v>
      </c>
      <c r="K45" s="8" t="s">
        <v>577</v>
      </c>
      <c r="L45" s="8">
        <v>1921356807.74</v>
      </c>
      <c r="M45" s="8">
        <v>258332830.56</v>
      </c>
    </row>
    <row r="46" spans="1:13" x14ac:dyDescent="0.25">
      <c r="A46" s="4" t="s">
        <v>129</v>
      </c>
      <c r="B46" s="6" t="s">
        <v>578</v>
      </c>
      <c r="C46" s="9">
        <v>2031482200</v>
      </c>
      <c r="D46" s="9">
        <v>4749406379</v>
      </c>
      <c r="E46" s="9">
        <v>710997729.35000002</v>
      </c>
      <c r="F46" s="9">
        <v>3086382401.8200002</v>
      </c>
      <c r="G46" s="9" t="s">
        <v>575</v>
      </c>
      <c r="H46" s="9">
        <v>1663023977.1800001</v>
      </c>
      <c r="I46" s="9">
        <v>474540324.26999998</v>
      </c>
      <c r="J46" s="9" t="s">
        <v>576</v>
      </c>
      <c r="K46" s="9" t="s">
        <v>577</v>
      </c>
      <c r="L46" s="9">
        <v>1921356807.74</v>
      </c>
      <c r="M46" s="9">
        <v>258332830.56</v>
      </c>
    </row>
    <row r="47" spans="1:13" x14ac:dyDescent="0.25">
      <c r="A47" s="5" t="s">
        <v>131</v>
      </c>
      <c r="B47" s="7" t="s">
        <v>579</v>
      </c>
      <c r="C47" s="8">
        <v>1349544300</v>
      </c>
      <c r="D47" s="8">
        <v>1464334382.23</v>
      </c>
      <c r="E47" s="8">
        <v>151757916.58000001</v>
      </c>
      <c r="F47" s="8">
        <v>1265187653.6400001</v>
      </c>
      <c r="G47" s="8" t="s">
        <v>580</v>
      </c>
      <c r="H47" s="8">
        <v>199146728.59</v>
      </c>
      <c r="I47" s="8">
        <v>162495432.78</v>
      </c>
      <c r="J47" s="8" t="s">
        <v>581</v>
      </c>
      <c r="K47" s="8" t="s">
        <v>582</v>
      </c>
      <c r="L47" s="8">
        <v>341293470.17000002</v>
      </c>
      <c r="M47" s="8">
        <v>142146741.58000001</v>
      </c>
    </row>
    <row r="48" spans="1:13" x14ac:dyDescent="0.25">
      <c r="A48" s="4" t="s">
        <v>133</v>
      </c>
      <c r="B48" s="6" t="s">
        <v>583</v>
      </c>
      <c r="C48" s="9">
        <v>0</v>
      </c>
      <c r="D48" s="9">
        <v>0</v>
      </c>
      <c r="E48" s="9">
        <v>0</v>
      </c>
      <c r="F48" s="9">
        <v>0</v>
      </c>
      <c r="G48" s="9" t="s">
        <v>39</v>
      </c>
      <c r="H48" s="9">
        <v>0</v>
      </c>
      <c r="I48" s="9">
        <v>0</v>
      </c>
      <c r="J48" s="9" t="s">
        <v>39</v>
      </c>
      <c r="K48" s="9" t="s">
        <v>39</v>
      </c>
      <c r="L48" s="9">
        <v>0</v>
      </c>
      <c r="M48" s="9">
        <v>0</v>
      </c>
    </row>
    <row r="49" spans="1:13" x14ac:dyDescent="0.25">
      <c r="A49" s="4" t="s">
        <v>137</v>
      </c>
      <c r="B49" s="6" t="s">
        <v>495</v>
      </c>
      <c r="C49" s="9">
        <v>518528800</v>
      </c>
      <c r="D49" s="9">
        <v>654195630.27999997</v>
      </c>
      <c r="E49" s="9">
        <v>64235913.210000001</v>
      </c>
      <c r="F49" s="9">
        <v>610465901.72000003</v>
      </c>
      <c r="G49" s="9" t="s">
        <v>584</v>
      </c>
      <c r="H49" s="9">
        <v>43729728.560000002</v>
      </c>
      <c r="I49" s="9">
        <v>72525469.769999996</v>
      </c>
      <c r="J49" s="9" t="s">
        <v>585</v>
      </c>
      <c r="K49" s="9" t="s">
        <v>586</v>
      </c>
      <c r="L49" s="9">
        <v>72521268.140000001</v>
      </c>
      <c r="M49" s="9">
        <v>28791539.579999998</v>
      </c>
    </row>
    <row r="50" spans="1:13" x14ac:dyDescent="0.25">
      <c r="A50" s="4" t="s">
        <v>141</v>
      </c>
      <c r="B50" s="6" t="s">
        <v>544</v>
      </c>
      <c r="C50" s="9">
        <v>0</v>
      </c>
      <c r="D50" s="9">
        <v>0</v>
      </c>
      <c r="E50" s="9">
        <v>0</v>
      </c>
      <c r="F50" s="9">
        <v>0</v>
      </c>
      <c r="G50" s="9" t="s">
        <v>39</v>
      </c>
      <c r="H50" s="9">
        <v>0</v>
      </c>
      <c r="I50" s="9">
        <v>0</v>
      </c>
      <c r="J50" s="9" t="s">
        <v>39</v>
      </c>
      <c r="K50" s="9" t="s">
        <v>39</v>
      </c>
      <c r="L50" s="9">
        <v>0</v>
      </c>
      <c r="M50" s="9">
        <v>0</v>
      </c>
    </row>
    <row r="51" spans="1:13" x14ac:dyDescent="0.25">
      <c r="A51" s="4" t="s">
        <v>145</v>
      </c>
      <c r="B51" s="6" t="s">
        <v>503</v>
      </c>
      <c r="C51" s="9">
        <v>5615000</v>
      </c>
      <c r="D51" s="9">
        <v>4287868</v>
      </c>
      <c r="E51" s="9">
        <v>-915266.93</v>
      </c>
      <c r="F51" s="9">
        <v>1401374.89</v>
      </c>
      <c r="G51" s="9" t="s">
        <v>504</v>
      </c>
      <c r="H51" s="9">
        <v>2886493.11</v>
      </c>
      <c r="I51" s="9">
        <v>247892.59</v>
      </c>
      <c r="J51" s="9" t="s">
        <v>587</v>
      </c>
      <c r="K51" s="9" t="s">
        <v>504</v>
      </c>
      <c r="L51" s="9">
        <v>3034930.43</v>
      </c>
      <c r="M51" s="9">
        <v>148437.32</v>
      </c>
    </row>
    <row r="52" spans="1:13" x14ac:dyDescent="0.25">
      <c r="A52" s="4" t="s">
        <v>147</v>
      </c>
      <c r="B52" s="6" t="s">
        <v>563</v>
      </c>
      <c r="C52" s="9">
        <v>0</v>
      </c>
      <c r="D52" s="9">
        <v>0</v>
      </c>
      <c r="E52" s="9">
        <v>0</v>
      </c>
      <c r="F52" s="9">
        <v>0</v>
      </c>
      <c r="G52" s="9" t="s">
        <v>39</v>
      </c>
      <c r="H52" s="9">
        <v>0</v>
      </c>
      <c r="I52" s="9">
        <v>0</v>
      </c>
      <c r="J52" s="9" t="s">
        <v>39</v>
      </c>
      <c r="K52" s="9" t="s">
        <v>39</v>
      </c>
      <c r="L52" s="9">
        <v>0</v>
      </c>
      <c r="M52" s="9">
        <v>0</v>
      </c>
    </row>
    <row r="53" spans="1:13" x14ac:dyDescent="0.25">
      <c r="A53" s="4" t="s">
        <v>151</v>
      </c>
      <c r="B53" s="6" t="s">
        <v>588</v>
      </c>
      <c r="C53" s="9">
        <v>91174200</v>
      </c>
      <c r="D53" s="9">
        <v>94207105.060000002</v>
      </c>
      <c r="E53" s="9">
        <v>11829247.15</v>
      </c>
      <c r="F53" s="9">
        <v>89484398.489999995</v>
      </c>
      <c r="G53" s="9" t="s">
        <v>589</v>
      </c>
      <c r="H53" s="9">
        <v>4722706.57</v>
      </c>
      <c r="I53" s="9">
        <v>9645803.9299999997</v>
      </c>
      <c r="J53" s="9" t="s">
        <v>590</v>
      </c>
      <c r="K53" s="9" t="s">
        <v>591</v>
      </c>
      <c r="L53" s="9">
        <v>18123339.25</v>
      </c>
      <c r="M53" s="9">
        <v>13400632.68</v>
      </c>
    </row>
    <row r="54" spans="1:13" x14ac:dyDescent="0.25">
      <c r="A54" s="4" t="s">
        <v>155</v>
      </c>
      <c r="B54" s="6" t="s">
        <v>592</v>
      </c>
      <c r="C54" s="9">
        <v>608802000</v>
      </c>
      <c r="D54" s="9">
        <v>574712213.88999999</v>
      </c>
      <c r="E54" s="9">
        <v>60914977.689999998</v>
      </c>
      <c r="F54" s="9">
        <v>466054033.02999997</v>
      </c>
      <c r="G54" s="9" t="s">
        <v>593</v>
      </c>
      <c r="H54" s="9">
        <v>108658180.86</v>
      </c>
      <c r="I54" s="9">
        <v>68460572.079999998</v>
      </c>
      <c r="J54" s="9" t="s">
        <v>594</v>
      </c>
      <c r="K54" s="9" t="s">
        <v>595</v>
      </c>
      <c r="L54" s="9">
        <v>183828240.34999999</v>
      </c>
      <c r="M54" s="9">
        <v>75170059.489999995</v>
      </c>
    </row>
    <row r="55" spans="1:13" x14ac:dyDescent="0.25">
      <c r="A55" s="4" t="s">
        <v>158</v>
      </c>
      <c r="B55" s="6" t="s">
        <v>596</v>
      </c>
      <c r="C55" s="9">
        <v>83871600</v>
      </c>
      <c r="D55" s="9">
        <v>95780683</v>
      </c>
      <c r="E55" s="9">
        <v>14602058.73</v>
      </c>
      <c r="F55" s="9">
        <v>75589981.549999997</v>
      </c>
      <c r="G55" s="9" t="s">
        <v>597</v>
      </c>
      <c r="H55" s="9">
        <v>20190701.449999999</v>
      </c>
      <c r="I55" s="9">
        <v>9236844.1999999993</v>
      </c>
      <c r="J55" s="9" t="s">
        <v>598</v>
      </c>
      <c r="K55" s="9" t="s">
        <v>599</v>
      </c>
      <c r="L55" s="9">
        <v>39139821.039999999</v>
      </c>
      <c r="M55" s="9">
        <v>18949119.59</v>
      </c>
    </row>
    <row r="56" spans="1:13" x14ac:dyDescent="0.25">
      <c r="A56" s="4" t="s">
        <v>161</v>
      </c>
      <c r="B56" s="6" t="s">
        <v>600</v>
      </c>
      <c r="C56" s="9">
        <v>0</v>
      </c>
      <c r="D56" s="9">
        <v>0</v>
      </c>
      <c r="E56" s="9">
        <v>0</v>
      </c>
      <c r="F56" s="9">
        <v>0</v>
      </c>
      <c r="G56" s="9" t="s">
        <v>39</v>
      </c>
      <c r="H56" s="9">
        <v>0</v>
      </c>
      <c r="I56" s="9">
        <v>0</v>
      </c>
      <c r="J56" s="9" t="s">
        <v>39</v>
      </c>
      <c r="K56" s="9" t="s">
        <v>39</v>
      </c>
      <c r="L56" s="9">
        <v>0</v>
      </c>
      <c r="M56" s="9">
        <v>0</v>
      </c>
    </row>
    <row r="57" spans="1:13" x14ac:dyDescent="0.25">
      <c r="A57" s="4" t="s">
        <v>163</v>
      </c>
      <c r="B57" s="6" t="s">
        <v>601</v>
      </c>
      <c r="C57" s="9">
        <v>30607900</v>
      </c>
      <c r="D57" s="9">
        <v>33799787</v>
      </c>
      <c r="E57" s="9">
        <v>624296.85</v>
      </c>
      <c r="F57" s="9">
        <v>16858606.789999999</v>
      </c>
      <c r="G57" s="9" t="s">
        <v>602</v>
      </c>
      <c r="H57" s="9">
        <v>16941180.210000001</v>
      </c>
      <c r="I57" s="9">
        <v>2227715.0499999998</v>
      </c>
      <c r="J57" s="9" t="s">
        <v>603</v>
      </c>
      <c r="K57" s="9" t="s">
        <v>545</v>
      </c>
      <c r="L57" s="9">
        <v>22084054.239999998</v>
      </c>
      <c r="M57" s="9">
        <v>5142874.03</v>
      </c>
    </row>
    <row r="58" spans="1:13" x14ac:dyDescent="0.25">
      <c r="A58" s="4" t="s">
        <v>167</v>
      </c>
      <c r="B58" s="6" t="s">
        <v>604</v>
      </c>
      <c r="C58" s="9">
        <v>0</v>
      </c>
      <c r="D58" s="9">
        <v>0</v>
      </c>
      <c r="E58" s="9">
        <v>0</v>
      </c>
      <c r="F58" s="9">
        <v>0</v>
      </c>
      <c r="G58" s="9" t="s">
        <v>39</v>
      </c>
      <c r="H58" s="9">
        <v>0</v>
      </c>
      <c r="I58" s="9">
        <v>0</v>
      </c>
      <c r="J58" s="9" t="s">
        <v>39</v>
      </c>
      <c r="K58" s="9" t="s">
        <v>39</v>
      </c>
      <c r="L58" s="9">
        <v>0</v>
      </c>
      <c r="M58" s="9">
        <v>0</v>
      </c>
    </row>
    <row r="59" spans="1:13" x14ac:dyDescent="0.25">
      <c r="A59" s="4" t="s">
        <v>171</v>
      </c>
      <c r="B59" s="6" t="s">
        <v>605</v>
      </c>
      <c r="C59" s="9">
        <v>1312500</v>
      </c>
      <c r="D59" s="9">
        <v>1419500</v>
      </c>
      <c r="E59" s="9">
        <v>391387</v>
      </c>
      <c r="F59" s="9">
        <v>1142772.8999999999</v>
      </c>
      <c r="G59" s="9" t="s">
        <v>504</v>
      </c>
      <c r="H59" s="9">
        <v>276727.09999999998</v>
      </c>
      <c r="I59" s="9">
        <v>49875.67</v>
      </c>
      <c r="J59" s="9" t="s">
        <v>606</v>
      </c>
      <c r="K59" s="9" t="s">
        <v>504</v>
      </c>
      <c r="L59" s="9">
        <v>676449.67</v>
      </c>
      <c r="M59" s="9">
        <v>399722.57</v>
      </c>
    </row>
    <row r="60" spans="1:13" x14ac:dyDescent="0.25">
      <c r="A60" s="4" t="s">
        <v>175</v>
      </c>
      <c r="B60" s="6" t="s">
        <v>607</v>
      </c>
      <c r="C60" s="9">
        <v>0</v>
      </c>
      <c r="D60" s="9">
        <v>0</v>
      </c>
      <c r="E60" s="9">
        <v>0</v>
      </c>
      <c r="F60" s="9">
        <v>0</v>
      </c>
      <c r="G60" s="9" t="s">
        <v>39</v>
      </c>
      <c r="H60" s="9">
        <v>0</v>
      </c>
      <c r="I60" s="9">
        <v>0</v>
      </c>
      <c r="J60" s="9" t="s">
        <v>39</v>
      </c>
      <c r="K60" s="9" t="s">
        <v>39</v>
      </c>
      <c r="L60" s="9">
        <v>0</v>
      </c>
      <c r="M60" s="9">
        <v>0</v>
      </c>
    </row>
    <row r="61" spans="1:13" x14ac:dyDescent="0.25">
      <c r="A61" s="4" t="s">
        <v>177</v>
      </c>
      <c r="B61" s="6" t="s">
        <v>526</v>
      </c>
      <c r="C61" s="9">
        <v>787200</v>
      </c>
      <c r="D61" s="9">
        <v>466000</v>
      </c>
      <c r="E61" s="9">
        <v>13099.85</v>
      </c>
      <c r="F61" s="9">
        <v>235491.09</v>
      </c>
      <c r="G61" s="9" t="s">
        <v>39</v>
      </c>
      <c r="H61" s="9">
        <v>230508.91</v>
      </c>
      <c r="I61" s="9">
        <v>39056.46</v>
      </c>
      <c r="J61" s="9" t="s">
        <v>608</v>
      </c>
      <c r="K61" s="9" t="s">
        <v>39</v>
      </c>
      <c r="L61" s="9">
        <v>292049.12</v>
      </c>
      <c r="M61" s="9">
        <v>61540.21</v>
      </c>
    </row>
    <row r="62" spans="1:13" x14ac:dyDescent="0.25">
      <c r="A62" s="4" t="s">
        <v>181</v>
      </c>
      <c r="B62" s="6" t="s">
        <v>609</v>
      </c>
      <c r="C62" s="9">
        <v>4700000</v>
      </c>
      <c r="D62" s="9">
        <v>4700000</v>
      </c>
      <c r="E62" s="9">
        <v>0</v>
      </c>
      <c r="F62" s="9">
        <v>3207408.13</v>
      </c>
      <c r="G62" s="9" t="s">
        <v>507</v>
      </c>
      <c r="H62" s="9">
        <v>1492591.87</v>
      </c>
      <c r="I62" s="9">
        <v>0</v>
      </c>
      <c r="J62" s="9" t="s">
        <v>610</v>
      </c>
      <c r="K62" s="9" t="s">
        <v>507</v>
      </c>
      <c r="L62" s="9">
        <v>1575407.98</v>
      </c>
      <c r="M62" s="9">
        <v>82816.11</v>
      </c>
    </row>
    <row r="63" spans="1:13" x14ac:dyDescent="0.25">
      <c r="A63" s="4" t="s">
        <v>185</v>
      </c>
      <c r="B63" s="6" t="s">
        <v>611</v>
      </c>
      <c r="C63" s="9">
        <v>0</v>
      </c>
      <c r="D63" s="9">
        <v>0</v>
      </c>
      <c r="E63" s="9">
        <v>0</v>
      </c>
      <c r="F63" s="9">
        <v>0</v>
      </c>
      <c r="G63" s="9" t="s">
        <v>39</v>
      </c>
      <c r="H63" s="9">
        <v>0</v>
      </c>
      <c r="I63" s="9">
        <v>0</v>
      </c>
      <c r="J63" s="9" t="s">
        <v>39</v>
      </c>
      <c r="K63" s="9" t="s">
        <v>39</v>
      </c>
      <c r="L63" s="9">
        <v>0</v>
      </c>
      <c r="M63" s="9">
        <v>0</v>
      </c>
    </row>
    <row r="64" spans="1:13" x14ac:dyDescent="0.25">
      <c r="A64" s="4" t="s">
        <v>188</v>
      </c>
      <c r="B64" s="6" t="s">
        <v>572</v>
      </c>
      <c r="C64" s="9">
        <v>4145100</v>
      </c>
      <c r="D64" s="9">
        <v>765595</v>
      </c>
      <c r="E64" s="9">
        <v>62203.03</v>
      </c>
      <c r="F64" s="9">
        <v>747685.05</v>
      </c>
      <c r="G64" s="9" t="s">
        <v>504</v>
      </c>
      <c r="H64" s="9">
        <v>17909.95</v>
      </c>
      <c r="I64" s="9">
        <v>62203.03</v>
      </c>
      <c r="J64" s="9" t="s">
        <v>612</v>
      </c>
      <c r="K64" s="9" t="s">
        <v>504</v>
      </c>
      <c r="L64" s="9">
        <v>17909.95</v>
      </c>
      <c r="M64" s="9">
        <v>0</v>
      </c>
    </row>
    <row r="65" spans="1:13" x14ac:dyDescent="0.25">
      <c r="A65" s="5" t="s">
        <v>191</v>
      </c>
      <c r="B65" s="7" t="s">
        <v>613</v>
      </c>
      <c r="C65" s="8">
        <v>20956100</v>
      </c>
      <c r="D65" s="8">
        <v>21690561.739999998</v>
      </c>
      <c r="E65" s="8">
        <v>962464.79</v>
      </c>
      <c r="F65" s="8">
        <v>6831637.1500000004</v>
      </c>
      <c r="G65" s="8" t="s">
        <v>614</v>
      </c>
      <c r="H65" s="8">
        <v>14858924.59</v>
      </c>
      <c r="I65" s="8">
        <v>782108.52</v>
      </c>
      <c r="J65" s="8" t="s">
        <v>615</v>
      </c>
      <c r="K65" s="8" t="s">
        <v>614</v>
      </c>
      <c r="L65" s="8">
        <v>15406122.02</v>
      </c>
      <c r="M65" s="8">
        <v>547197.43000000005</v>
      </c>
    </row>
    <row r="66" spans="1:13" x14ac:dyDescent="0.25">
      <c r="A66" s="4" t="s">
        <v>194</v>
      </c>
      <c r="B66" s="6" t="s">
        <v>495</v>
      </c>
      <c r="C66" s="9">
        <v>7799600</v>
      </c>
      <c r="D66" s="9">
        <v>8377461.7400000002</v>
      </c>
      <c r="E66" s="9">
        <v>923242.41</v>
      </c>
      <c r="F66" s="9">
        <v>6397243.0899999999</v>
      </c>
      <c r="G66" s="9" t="s">
        <v>614</v>
      </c>
      <c r="H66" s="9">
        <v>1980218.65</v>
      </c>
      <c r="I66" s="9">
        <v>779664.97</v>
      </c>
      <c r="J66" s="9" t="s">
        <v>616</v>
      </c>
      <c r="K66" s="9" t="s">
        <v>614</v>
      </c>
      <c r="L66" s="9">
        <v>2290816.5299999998</v>
      </c>
      <c r="M66" s="9">
        <v>310597.88</v>
      </c>
    </row>
    <row r="67" spans="1:13" x14ac:dyDescent="0.25">
      <c r="A67" s="4" t="s">
        <v>197</v>
      </c>
      <c r="B67" s="6" t="s">
        <v>617</v>
      </c>
      <c r="C67" s="9">
        <v>13101400</v>
      </c>
      <c r="D67" s="9">
        <v>13252000</v>
      </c>
      <c r="E67" s="9">
        <v>29759.08</v>
      </c>
      <c r="F67" s="9">
        <v>377195.82</v>
      </c>
      <c r="G67" s="9" t="s">
        <v>39</v>
      </c>
      <c r="H67" s="9">
        <v>12874804.18</v>
      </c>
      <c r="I67" s="9">
        <v>-7222.73</v>
      </c>
      <c r="J67" s="9" t="s">
        <v>618</v>
      </c>
      <c r="K67" s="9" t="s">
        <v>39</v>
      </c>
      <c r="L67" s="9">
        <v>13111403.73</v>
      </c>
      <c r="M67" s="9">
        <v>236599.55</v>
      </c>
    </row>
    <row r="68" spans="1:13" x14ac:dyDescent="0.25">
      <c r="A68" s="4" t="s">
        <v>198</v>
      </c>
      <c r="B68" s="6" t="s">
        <v>572</v>
      </c>
      <c r="C68" s="9">
        <v>55100</v>
      </c>
      <c r="D68" s="9">
        <v>61100</v>
      </c>
      <c r="E68" s="9">
        <v>9463.2999999999993</v>
      </c>
      <c r="F68" s="9">
        <v>57198.239999999998</v>
      </c>
      <c r="G68" s="9" t="s">
        <v>39</v>
      </c>
      <c r="H68" s="9">
        <v>3901.76</v>
      </c>
      <c r="I68" s="9">
        <v>9666.2800000000007</v>
      </c>
      <c r="J68" s="9" t="s">
        <v>619</v>
      </c>
      <c r="K68" s="9" t="s">
        <v>39</v>
      </c>
      <c r="L68" s="9">
        <v>3901.76</v>
      </c>
      <c r="M68" s="9">
        <v>0</v>
      </c>
    </row>
    <row r="69" spans="1:13" x14ac:dyDescent="0.25">
      <c r="A69" s="5" t="s">
        <v>199</v>
      </c>
      <c r="B69" s="7" t="s">
        <v>620</v>
      </c>
      <c r="C69" s="8">
        <v>1580410900</v>
      </c>
      <c r="D69" s="8">
        <v>1932969260.1800001</v>
      </c>
      <c r="E69" s="8">
        <v>291005938.94</v>
      </c>
      <c r="F69" s="8">
        <v>1805036433.1500001</v>
      </c>
      <c r="G69" s="8" t="s">
        <v>139</v>
      </c>
      <c r="H69" s="8">
        <v>127932827.03</v>
      </c>
      <c r="I69" s="8">
        <v>278985946.06</v>
      </c>
      <c r="J69" s="8" t="s">
        <v>621</v>
      </c>
      <c r="K69" s="8" t="s">
        <v>622</v>
      </c>
      <c r="L69" s="8">
        <v>184660111.69999999</v>
      </c>
      <c r="M69" s="8">
        <v>56727284.670000002</v>
      </c>
    </row>
    <row r="70" spans="1:13" x14ac:dyDescent="0.25">
      <c r="A70" s="4" t="s">
        <v>200</v>
      </c>
      <c r="B70" s="6" t="s">
        <v>495</v>
      </c>
      <c r="C70" s="9">
        <v>1291019700</v>
      </c>
      <c r="D70" s="9">
        <v>1652963338.1500001</v>
      </c>
      <c r="E70" s="9">
        <v>278912628.76999998</v>
      </c>
      <c r="F70" s="9">
        <v>1586845319.6199999</v>
      </c>
      <c r="G70" s="9" t="s">
        <v>623</v>
      </c>
      <c r="H70" s="9">
        <v>66118018.530000001</v>
      </c>
      <c r="I70" s="9">
        <v>253291067.41999999</v>
      </c>
      <c r="J70" s="9" t="s">
        <v>624</v>
      </c>
      <c r="K70" s="9" t="s">
        <v>625</v>
      </c>
      <c r="L70" s="9">
        <v>101381381.94</v>
      </c>
      <c r="M70" s="9">
        <v>35263363.409999996</v>
      </c>
    </row>
    <row r="71" spans="1:13" x14ac:dyDescent="0.25">
      <c r="A71" s="4" t="s">
        <v>201</v>
      </c>
      <c r="B71" s="6" t="s">
        <v>626</v>
      </c>
      <c r="C71" s="9">
        <v>19585000</v>
      </c>
      <c r="D71" s="9">
        <v>6438548</v>
      </c>
      <c r="E71" s="9">
        <v>169135.2</v>
      </c>
      <c r="F71" s="9">
        <v>6438547.1799999997</v>
      </c>
      <c r="G71" s="9" t="s">
        <v>614</v>
      </c>
      <c r="H71" s="9">
        <v>0.82</v>
      </c>
      <c r="I71" s="9">
        <v>169135.2</v>
      </c>
      <c r="J71" s="9" t="s">
        <v>627</v>
      </c>
      <c r="K71" s="9" t="s">
        <v>614</v>
      </c>
      <c r="L71" s="9">
        <v>253703.62</v>
      </c>
      <c r="M71" s="9">
        <v>253702.8</v>
      </c>
    </row>
    <row r="72" spans="1:13" x14ac:dyDescent="0.25">
      <c r="A72" s="4" t="s">
        <v>204</v>
      </c>
      <c r="B72" s="6" t="s">
        <v>628</v>
      </c>
      <c r="C72" s="9">
        <v>17683000</v>
      </c>
      <c r="D72" s="9">
        <v>14972034</v>
      </c>
      <c r="E72" s="9">
        <v>-304.32</v>
      </c>
      <c r="F72" s="9">
        <v>14971607.779999999</v>
      </c>
      <c r="G72" s="9" t="s">
        <v>630</v>
      </c>
      <c r="H72" s="9">
        <v>426.22</v>
      </c>
      <c r="I72" s="9">
        <v>0</v>
      </c>
      <c r="J72" s="9" t="s">
        <v>629</v>
      </c>
      <c r="K72" s="9" t="s">
        <v>602</v>
      </c>
      <c r="L72" s="9">
        <v>426.22</v>
      </c>
      <c r="M72" s="9">
        <v>0</v>
      </c>
    </row>
    <row r="73" spans="1:13" x14ac:dyDescent="0.25">
      <c r="A73" s="4" t="s">
        <v>206</v>
      </c>
      <c r="B73" s="6" t="s">
        <v>607</v>
      </c>
      <c r="C73" s="9">
        <v>24089000</v>
      </c>
      <c r="D73" s="9">
        <v>28560682</v>
      </c>
      <c r="E73" s="9">
        <v>3365669.21</v>
      </c>
      <c r="F73" s="9">
        <v>21425722.050000001</v>
      </c>
      <c r="G73" s="9" t="s">
        <v>631</v>
      </c>
      <c r="H73" s="9">
        <v>7134959.9500000002</v>
      </c>
      <c r="I73" s="9">
        <v>5148309.5199999996</v>
      </c>
      <c r="J73" s="9" t="s">
        <v>632</v>
      </c>
      <c r="K73" s="9" t="s">
        <v>631</v>
      </c>
      <c r="L73" s="9">
        <v>7167271.9500000002</v>
      </c>
      <c r="M73" s="9">
        <v>32312</v>
      </c>
    </row>
    <row r="74" spans="1:13" x14ac:dyDescent="0.25">
      <c r="A74" s="4" t="s">
        <v>208</v>
      </c>
      <c r="B74" s="6" t="s">
        <v>569</v>
      </c>
      <c r="C74" s="9">
        <v>18282800</v>
      </c>
      <c r="D74" s="9">
        <v>15666550</v>
      </c>
      <c r="E74" s="9">
        <v>1295303.33</v>
      </c>
      <c r="F74" s="9">
        <v>6374765.3499999996</v>
      </c>
      <c r="G74" s="9" t="s">
        <v>614</v>
      </c>
      <c r="H74" s="9">
        <v>9291784.6500000004</v>
      </c>
      <c r="I74" s="9">
        <v>2035976.38</v>
      </c>
      <c r="J74" s="9" t="s">
        <v>633</v>
      </c>
      <c r="K74" s="9" t="s">
        <v>614</v>
      </c>
      <c r="L74" s="9">
        <v>9743131</v>
      </c>
      <c r="M74" s="9">
        <v>451346.35</v>
      </c>
    </row>
    <row r="75" spans="1:13" x14ac:dyDescent="0.25">
      <c r="A75" s="4" t="s">
        <v>210</v>
      </c>
      <c r="B75" s="6" t="s">
        <v>634</v>
      </c>
      <c r="C75" s="9">
        <v>900000</v>
      </c>
      <c r="D75" s="9">
        <v>400000</v>
      </c>
      <c r="E75" s="9">
        <v>0</v>
      </c>
      <c r="F75" s="9">
        <v>0</v>
      </c>
      <c r="G75" s="9" t="s">
        <v>39</v>
      </c>
      <c r="H75" s="9">
        <v>400000</v>
      </c>
      <c r="I75" s="9">
        <v>0</v>
      </c>
      <c r="J75" s="9" t="s">
        <v>39</v>
      </c>
      <c r="K75" s="9" t="s">
        <v>39</v>
      </c>
      <c r="L75" s="9">
        <v>400000</v>
      </c>
      <c r="M75" s="9">
        <v>0</v>
      </c>
    </row>
    <row r="76" spans="1:13" x14ac:dyDescent="0.25">
      <c r="A76" s="4" t="s">
        <v>212</v>
      </c>
      <c r="B76" s="6" t="s">
        <v>635</v>
      </c>
      <c r="C76" s="9">
        <v>2400000</v>
      </c>
      <c r="D76" s="9">
        <v>829088</v>
      </c>
      <c r="E76" s="9">
        <v>-40532</v>
      </c>
      <c r="F76" s="9">
        <v>552518.6</v>
      </c>
      <c r="G76" s="9" t="s">
        <v>39</v>
      </c>
      <c r="H76" s="9">
        <v>276569.40000000002</v>
      </c>
      <c r="I76" s="9">
        <v>18742.77</v>
      </c>
      <c r="J76" s="9" t="s">
        <v>636</v>
      </c>
      <c r="K76" s="9" t="s">
        <v>39</v>
      </c>
      <c r="L76" s="9">
        <v>276569.40000000002</v>
      </c>
      <c r="M76" s="9">
        <v>0</v>
      </c>
    </row>
    <row r="77" spans="1:13" x14ac:dyDescent="0.25">
      <c r="A77" s="4" t="s">
        <v>216</v>
      </c>
      <c r="B77" s="6" t="s">
        <v>637</v>
      </c>
      <c r="C77" s="9">
        <v>13462800</v>
      </c>
      <c r="D77" s="9">
        <v>10350294.029999999</v>
      </c>
      <c r="E77" s="9">
        <v>-9639</v>
      </c>
      <c r="F77" s="9">
        <v>9013869.5999999996</v>
      </c>
      <c r="G77" s="9" t="s">
        <v>524</v>
      </c>
      <c r="H77" s="9">
        <v>1336424.43</v>
      </c>
      <c r="I77" s="9">
        <v>117061.14</v>
      </c>
      <c r="J77" s="9" t="s">
        <v>638</v>
      </c>
      <c r="K77" s="9" t="s">
        <v>524</v>
      </c>
      <c r="L77" s="9">
        <v>1348342.43</v>
      </c>
      <c r="M77" s="9">
        <v>11918</v>
      </c>
    </row>
    <row r="78" spans="1:13" x14ac:dyDescent="0.25">
      <c r="A78" s="4" t="s">
        <v>220</v>
      </c>
      <c r="B78" s="6" t="s">
        <v>639</v>
      </c>
      <c r="C78" s="9">
        <v>179526700</v>
      </c>
      <c r="D78" s="9">
        <v>188945976</v>
      </c>
      <c r="E78" s="9">
        <v>5754222.7000000002</v>
      </c>
      <c r="F78" s="9">
        <v>150779330.68000001</v>
      </c>
      <c r="G78" s="9" t="s">
        <v>640</v>
      </c>
      <c r="H78" s="9">
        <v>38166645.32</v>
      </c>
      <c r="I78" s="9">
        <v>16610884.34</v>
      </c>
      <c r="J78" s="9" t="s">
        <v>641</v>
      </c>
      <c r="K78" s="9" t="s">
        <v>642</v>
      </c>
      <c r="L78" s="9">
        <v>58863223.560000002</v>
      </c>
      <c r="M78" s="9">
        <v>20696578.239999998</v>
      </c>
    </row>
    <row r="79" spans="1:13" x14ac:dyDescent="0.25">
      <c r="A79" s="4" t="s">
        <v>222</v>
      </c>
      <c r="B79" s="6" t="s">
        <v>643</v>
      </c>
      <c r="C79" s="9">
        <v>3407000</v>
      </c>
      <c r="D79" s="9">
        <v>3721850</v>
      </c>
      <c r="E79" s="9">
        <v>505912.03</v>
      </c>
      <c r="F79" s="9">
        <v>3139945.16</v>
      </c>
      <c r="G79" s="9" t="s">
        <v>507</v>
      </c>
      <c r="H79" s="9">
        <v>581904.84</v>
      </c>
      <c r="I79" s="9">
        <v>541226.27</v>
      </c>
      <c r="J79" s="9" t="s">
        <v>644</v>
      </c>
      <c r="K79" s="9" t="s">
        <v>507</v>
      </c>
      <c r="L79" s="9">
        <v>599968.71</v>
      </c>
      <c r="M79" s="9">
        <v>18063.87</v>
      </c>
    </row>
    <row r="80" spans="1:13" x14ac:dyDescent="0.25">
      <c r="A80" s="4" t="s">
        <v>224</v>
      </c>
      <c r="B80" s="6" t="s">
        <v>645</v>
      </c>
      <c r="C80" s="9">
        <v>0</v>
      </c>
      <c r="D80" s="9">
        <v>0</v>
      </c>
      <c r="E80" s="9">
        <v>0</v>
      </c>
      <c r="F80" s="9">
        <v>0</v>
      </c>
      <c r="G80" s="9" t="s">
        <v>39</v>
      </c>
      <c r="H80" s="9">
        <v>0</v>
      </c>
      <c r="I80" s="9">
        <v>0</v>
      </c>
      <c r="J80" s="9" t="s">
        <v>39</v>
      </c>
      <c r="K80" s="9" t="s">
        <v>39</v>
      </c>
      <c r="L80" s="9">
        <v>0</v>
      </c>
      <c r="M80" s="9">
        <v>0</v>
      </c>
    </row>
    <row r="81" spans="1:13" x14ac:dyDescent="0.25">
      <c r="A81" s="4" t="s">
        <v>226</v>
      </c>
      <c r="B81" s="6" t="s">
        <v>572</v>
      </c>
      <c r="C81" s="9">
        <v>10054900</v>
      </c>
      <c r="D81" s="9">
        <v>10120900</v>
      </c>
      <c r="E81" s="9">
        <v>1053543.02</v>
      </c>
      <c r="F81" s="9">
        <v>5494807.1299999999</v>
      </c>
      <c r="G81" s="9" t="s">
        <v>614</v>
      </c>
      <c r="H81" s="9">
        <v>4626092.87</v>
      </c>
      <c r="I81" s="9">
        <v>1053543.02</v>
      </c>
      <c r="J81" s="9" t="s">
        <v>646</v>
      </c>
      <c r="K81" s="9" t="s">
        <v>614</v>
      </c>
      <c r="L81" s="9">
        <v>4626092.87</v>
      </c>
      <c r="M81" s="9">
        <v>0</v>
      </c>
    </row>
    <row r="82" spans="1:13" x14ac:dyDescent="0.25">
      <c r="A82" s="5" t="s">
        <v>228</v>
      </c>
      <c r="B82" s="7" t="s">
        <v>647</v>
      </c>
      <c r="C82" s="8">
        <v>36371900</v>
      </c>
      <c r="D82" s="8">
        <v>45754215.170000002</v>
      </c>
      <c r="E82" s="8">
        <v>3531450.93</v>
      </c>
      <c r="F82" s="8">
        <v>42693546.450000003</v>
      </c>
      <c r="G82" s="8" t="s">
        <v>648</v>
      </c>
      <c r="H82" s="8">
        <v>3060668.72</v>
      </c>
      <c r="I82" s="8">
        <v>4379019.67</v>
      </c>
      <c r="J82" s="8" t="s">
        <v>649</v>
      </c>
      <c r="K82" s="8" t="s">
        <v>648</v>
      </c>
      <c r="L82" s="8">
        <v>5787667.5599999996</v>
      </c>
      <c r="M82" s="8">
        <v>2726998.84</v>
      </c>
    </row>
    <row r="83" spans="1:13" x14ac:dyDescent="0.25">
      <c r="A83" s="4" t="s">
        <v>230</v>
      </c>
      <c r="B83" s="6" t="s">
        <v>650</v>
      </c>
      <c r="C83" s="9">
        <v>36361500</v>
      </c>
      <c r="D83" s="9">
        <v>45743315.170000002</v>
      </c>
      <c r="E83" s="9">
        <v>3529702.58</v>
      </c>
      <c r="F83" s="9">
        <v>42682791.93</v>
      </c>
      <c r="G83" s="9" t="s">
        <v>648</v>
      </c>
      <c r="H83" s="9">
        <v>3060523.24</v>
      </c>
      <c r="I83" s="9">
        <v>4377202.9800000004</v>
      </c>
      <c r="J83" s="9" t="s">
        <v>651</v>
      </c>
      <c r="K83" s="9" t="s">
        <v>648</v>
      </c>
      <c r="L83" s="9">
        <v>5787522.0800000001</v>
      </c>
      <c r="M83" s="9">
        <v>2726998.84</v>
      </c>
    </row>
    <row r="84" spans="1:13" x14ac:dyDescent="0.25">
      <c r="A84" s="4" t="s">
        <v>231</v>
      </c>
      <c r="B84" s="6" t="s">
        <v>509</v>
      </c>
      <c r="C84" s="9">
        <v>10400</v>
      </c>
      <c r="D84" s="9">
        <v>10900</v>
      </c>
      <c r="E84" s="9">
        <v>1748.35</v>
      </c>
      <c r="F84" s="9">
        <v>10754.52</v>
      </c>
      <c r="G84" s="9" t="s">
        <v>39</v>
      </c>
      <c r="H84" s="9">
        <v>145.47999999999999</v>
      </c>
      <c r="I84" s="9">
        <v>1816.69</v>
      </c>
      <c r="J84" s="9" t="s">
        <v>652</v>
      </c>
      <c r="K84" s="9" t="s">
        <v>39</v>
      </c>
      <c r="L84" s="9">
        <v>145.47999999999999</v>
      </c>
      <c r="M84" s="9">
        <v>0</v>
      </c>
    </row>
    <row r="85" spans="1:13" x14ac:dyDescent="0.25">
      <c r="A85" s="5" t="s">
        <v>232</v>
      </c>
      <c r="B85" s="7" t="s">
        <v>653</v>
      </c>
      <c r="C85" s="8">
        <v>316880900</v>
      </c>
      <c r="D85" s="8">
        <v>274530815.99000001</v>
      </c>
      <c r="E85" s="8">
        <v>44144168.829999998</v>
      </c>
      <c r="F85" s="8">
        <v>248869246.22</v>
      </c>
      <c r="G85" s="8" t="s">
        <v>654</v>
      </c>
      <c r="H85" s="8">
        <v>25661569.77</v>
      </c>
      <c r="I85" s="8">
        <v>37827357.289999999</v>
      </c>
      <c r="J85" s="8" t="s">
        <v>655</v>
      </c>
      <c r="K85" s="8" t="s">
        <v>656</v>
      </c>
      <c r="L85" s="8">
        <v>45478371.93</v>
      </c>
      <c r="M85" s="8">
        <v>19816802.16</v>
      </c>
    </row>
    <row r="86" spans="1:13" x14ac:dyDescent="0.25">
      <c r="A86" s="4" t="s">
        <v>234</v>
      </c>
      <c r="B86" s="6" t="s">
        <v>657</v>
      </c>
      <c r="C86" s="9">
        <v>9395100</v>
      </c>
      <c r="D86" s="9">
        <v>9245249.2899999991</v>
      </c>
      <c r="E86" s="9">
        <v>1936941.7</v>
      </c>
      <c r="F86" s="9">
        <v>8752800.3599999994</v>
      </c>
      <c r="G86" s="9" t="s">
        <v>524</v>
      </c>
      <c r="H86" s="9">
        <v>492448.93</v>
      </c>
      <c r="I86" s="9">
        <v>1639594.16</v>
      </c>
      <c r="J86" s="9" t="s">
        <v>658</v>
      </c>
      <c r="K86" s="9" t="s">
        <v>524</v>
      </c>
      <c r="L86" s="9">
        <v>949867.31</v>
      </c>
      <c r="M86" s="9">
        <v>457418.38</v>
      </c>
    </row>
    <row r="87" spans="1:13" x14ac:dyDescent="0.25">
      <c r="A87" s="4" t="s">
        <v>236</v>
      </c>
      <c r="B87" s="6" t="s">
        <v>659</v>
      </c>
      <c r="C87" s="9">
        <v>299313300</v>
      </c>
      <c r="D87" s="9">
        <v>258331166.69999999</v>
      </c>
      <c r="E87" s="9">
        <v>42139590.079999998</v>
      </c>
      <c r="F87" s="9">
        <v>236798446.74000001</v>
      </c>
      <c r="G87" s="9" t="s">
        <v>660</v>
      </c>
      <c r="H87" s="9">
        <v>21532719.960000001</v>
      </c>
      <c r="I87" s="9">
        <v>35482572.579999998</v>
      </c>
      <c r="J87" s="9" t="s">
        <v>661</v>
      </c>
      <c r="K87" s="9" t="s">
        <v>662</v>
      </c>
      <c r="L87" s="9">
        <v>40570513.899999999</v>
      </c>
      <c r="M87" s="9">
        <v>19037793.940000001</v>
      </c>
    </row>
    <row r="88" spans="1:13" x14ac:dyDescent="0.25">
      <c r="A88" s="4" t="s">
        <v>238</v>
      </c>
      <c r="B88" s="6" t="s">
        <v>526</v>
      </c>
      <c r="C88" s="9">
        <v>7672500</v>
      </c>
      <c r="D88" s="9">
        <v>6454400</v>
      </c>
      <c r="E88" s="9">
        <v>67637.05</v>
      </c>
      <c r="F88" s="9">
        <v>3317999.12</v>
      </c>
      <c r="G88" s="9" t="s">
        <v>507</v>
      </c>
      <c r="H88" s="9">
        <v>3136400.88</v>
      </c>
      <c r="I88" s="9">
        <v>705190.55</v>
      </c>
      <c r="J88" s="9" t="s">
        <v>663</v>
      </c>
      <c r="K88" s="9" t="s">
        <v>507</v>
      </c>
      <c r="L88" s="9">
        <v>3457990.72</v>
      </c>
      <c r="M88" s="9">
        <v>321589.84000000003</v>
      </c>
    </row>
    <row r="89" spans="1:13" x14ac:dyDescent="0.25">
      <c r="A89" s="4" t="s">
        <v>241</v>
      </c>
      <c r="B89" s="6" t="s">
        <v>664</v>
      </c>
      <c r="C89" s="9">
        <v>500000</v>
      </c>
      <c r="D89" s="9">
        <v>500000</v>
      </c>
      <c r="E89" s="9">
        <v>0</v>
      </c>
      <c r="F89" s="9">
        <v>0</v>
      </c>
      <c r="G89" s="9" t="s">
        <v>39</v>
      </c>
      <c r="H89" s="9">
        <v>500000</v>
      </c>
      <c r="I89" s="9">
        <v>0</v>
      </c>
      <c r="J89" s="9" t="s">
        <v>39</v>
      </c>
      <c r="K89" s="9" t="s">
        <v>39</v>
      </c>
      <c r="L89" s="9">
        <v>500000</v>
      </c>
      <c r="M89" s="9">
        <v>0</v>
      </c>
    </row>
    <row r="90" spans="1:13" x14ac:dyDescent="0.25">
      <c r="A90" s="5" t="s">
        <v>243</v>
      </c>
      <c r="B90" s="7" t="s">
        <v>665</v>
      </c>
      <c r="C90" s="8">
        <v>17446100</v>
      </c>
      <c r="D90" s="8">
        <v>54227162</v>
      </c>
      <c r="E90" s="8">
        <v>111819.64</v>
      </c>
      <c r="F90" s="8">
        <v>45097761.640000001</v>
      </c>
      <c r="G90" s="8" t="s">
        <v>666</v>
      </c>
      <c r="H90" s="8">
        <v>9129400.3599999994</v>
      </c>
      <c r="I90" s="8">
        <v>4134127.48</v>
      </c>
      <c r="J90" s="8" t="s">
        <v>667</v>
      </c>
      <c r="K90" s="8" t="s">
        <v>545</v>
      </c>
      <c r="L90" s="8">
        <v>43123880.100000001</v>
      </c>
      <c r="M90" s="8">
        <v>33994479.740000002</v>
      </c>
    </row>
    <row r="91" spans="1:13" x14ac:dyDescent="0.25">
      <c r="A91" s="4" t="s">
        <v>245</v>
      </c>
      <c r="B91" s="6" t="s">
        <v>668</v>
      </c>
      <c r="C91" s="9">
        <v>17446100</v>
      </c>
      <c r="D91" s="9">
        <v>54227162</v>
      </c>
      <c r="E91" s="9">
        <v>111819.64</v>
      </c>
      <c r="F91" s="9">
        <v>45097761.640000001</v>
      </c>
      <c r="G91" s="9" t="s">
        <v>666</v>
      </c>
      <c r="H91" s="9">
        <v>9129400.3599999994</v>
      </c>
      <c r="I91" s="9">
        <v>4134127.48</v>
      </c>
      <c r="J91" s="9" t="s">
        <v>667</v>
      </c>
      <c r="K91" s="9" t="s">
        <v>545</v>
      </c>
      <c r="L91" s="9">
        <v>43123880.100000001</v>
      </c>
      <c r="M91" s="9">
        <v>33994479.740000002</v>
      </c>
    </row>
    <row r="92" spans="1:13" x14ac:dyDescent="0.25">
      <c r="A92" s="5" t="s">
        <v>260</v>
      </c>
      <c r="B92" s="7" t="s">
        <v>669</v>
      </c>
      <c r="C92" s="8">
        <v>64929400</v>
      </c>
      <c r="D92" s="8">
        <v>107111787.19</v>
      </c>
      <c r="E92" s="8">
        <v>-34333405.25</v>
      </c>
      <c r="F92" s="8">
        <v>41548566.310000002</v>
      </c>
      <c r="G92" s="8" t="s">
        <v>670</v>
      </c>
      <c r="H92" s="8">
        <v>65563220.880000003</v>
      </c>
      <c r="I92" s="8">
        <v>6513010.1799999997</v>
      </c>
      <c r="J92" s="8" t="s">
        <v>671</v>
      </c>
      <c r="K92" s="8" t="s">
        <v>648</v>
      </c>
      <c r="L92" s="8">
        <v>66531381.32</v>
      </c>
      <c r="M92" s="8">
        <v>968160.44</v>
      </c>
    </row>
    <row r="93" spans="1:13" x14ac:dyDescent="0.25">
      <c r="A93" s="4" t="s">
        <v>263</v>
      </c>
      <c r="B93" s="6" t="s">
        <v>495</v>
      </c>
      <c r="C93" s="9">
        <v>12685500</v>
      </c>
      <c r="D93" s="9">
        <v>14342297.189999999</v>
      </c>
      <c r="E93" s="9">
        <v>1127723.82</v>
      </c>
      <c r="F93" s="9">
        <v>10106220.199999999</v>
      </c>
      <c r="G93" s="9" t="s">
        <v>672</v>
      </c>
      <c r="H93" s="9">
        <v>4236076.99</v>
      </c>
      <c r="I93" s="9">
        <v>1268396.42</v>
      </c>
      <c r="J93" s="9" t="s">
        <v>673</v>
      </c>
      <c r="K93" s="9" t="s">
        <v>672</v>
      </c>
      <c r="L93" s="9">
        <v>4799805.37</v>
      </c>
      <c r="M93" s="9">
        <v>563728.38</v>
      </c>
    </row>
    <row r="94" spans="1:13" x14ac:dyDescent="0.25">
      <c r="A94" s="4" t="s">
        <v>265</v>
      </c>
      <c r="B94" s="6" t="s">
        <v>540</v>
      </c>
      <c r="C94" s="9">
        <v>1000</v>
      </c>
      <c r="D94" s="9">
        <v>1000</v>
      </c>
      <c r="E94" s="9">
        <v>0</v>
      </c>
      <c r="F94" s="9">
        <v>0</v>
      </c>
      <c r="G94" s="9" t="s">
        <v>39</v>
      </c>
      <c r="H94" s="9">
        <v>1000</v>
      </c>
      <c r="I94" s="9">
        <v>0</v>
      </c>
      <c r="J94" s="9" t="s">
        <v>39</v>
      </c>
      <c r="K94" s="9" t="s">
        <v>39</v>
      </c>
      <c r="L94" s="9">
        <v>1000</v>
      </c>
      <c r="M94" s="9">
        <v>0</v>
      </c>
    </row>
    <row r="95" spans="1:13" x14ac:dyDescent="0.25">
      <c r="A95" s="4" t="s">
        <v>267</v>
      </c>
      <c r="B95" s="6" t="s">
        <v>674</v>
      </c>
      <c r="C95" s="9">
        <v>52242900</v>
      </c>
      <c r="D95" s="9">
        <v>92768490</v>
      </c>
      <c r="E95" s="9">
        <v>-35461129.07</v>
      </c>
      <c r="F95" s="9">
        <v>31442346.109999999</v>
      </c>
      <c r="G95" s="9" t="s">
        <v>675</v>
      </c>
      <c r="H95" s="9">
        <v>61326143.890000001</v>
      </c>
      <c r="I95" s="9">
        <v>5244613.76</v>
      </c>
      <c r="J95" s="9" t="s">
        <v>676</v>
      </c>
      <c r="K95" s="9" t="s">
        <v>677</v>
      </c>
      <c r="L95" s="9">
        <v>61730575.950000003</v>
      </c>
      <c r="M95" s="9">
        <v>404432.06</v>
      </c>
    </row>
    <row r="96" spans="1:13" x14ac:dyDescent="0.25">
      <c r="A96" s="5" t="s">
        <v>269</v>
      </c>
      <c r="B96" s="7" t="s">
        <v>678</v>
      </c>
      <c r="C96" s="8">
        <v>130995900</v>
      </c>
      <c r="D96" s="8">
        <v>114355365</v>
      </c>
      <c r="E96" s="8">
        <v>8183277.2699999996</v>
      </c>
      <c r="F96" s="8">
        <v>82145238.590000004</v>
      </c>
      <c r="G96" s="8" t="s">
        <v>679</v>
      </c>
      <c r="H96" s="8">
        <v>32210126.41</v>
      </c>
      <c r="I96" s="8">
        <v>10689170.42</v>
      </c>
      <c r="J96" s="8" t="s">
        <v>680</v>
      </c>
      <c r="K96" s="8" t="s">
        <v>681</v>
      </c>
      <c r="L96" s="8">
        <v>76001032.920000002</v>
      </c>
      <c r="M96" s="8">
        <v>43790906.509999998</v>
      </c>
    </row>
    <row r="97" spans="1:13" x14ac:dyDescent="0.25">
      <c r="A97" s="4" t="s">
        <v>271</v>
      </c>
      <c r="B97" s="6" t="s">
        <v>682</v>
      </c>
      <c r="C97" s="9">
        <v>130995900</v>
      </c>
      <c r="D97" s="9">
        <v>114355365</v>
      </c>
      <c r="E97" s="9">
        <v>8183277.2699999996</v>
      </c>
      <c r="F97" s="9">
        <v>82145238.590000004</v>
      </c>
      <c r="G97" s="9" t="s">
        <v>679</v>
      </c>
      <c r="H97" s="9">
        <v>32210126.41</v>
      </c>
      <c r="I97" s="9">
        <v>10689170.42</v>
      </c>
      <c r="J97" s="9" t="s">
        <v>680</v>
      </c>
      <c r="K97" s="9" t="s">
        <v>681</v>
      </c>
      <c r="L97" s="9">
        <v>76001032.920000002</v>
      </c>
      <c r="M97" s="9">
        <v>43790906.509999998</v>
      </c>
    </row>
    <row r="98" spans="1:13" x14ac:dyDescent="0.25">
      <c r="A98" s="5" t="s">
        <v>273</v>
      </c>
      <c r="B98" s="7" t="s">
        <v>683</v>
      </c>
      <c r="C98" s="8">
        <v>107915300</v>
      </c>
      <c r="D98" s="8">
        <v>106101488.33</v>
      </c>
      <c r="E98" s="8">
        <v>2934895.86</v>
      </c>
      <c r="F98" s="8">
        <v>46240445.75</v>
      </c>
      <c r="G98" s="8" t="s">
        <v>684</v>
      </c>
      <c r="H98" s="8">
        <v>59861042.579999998</v>
      </c>
      <c r="I98" s="8">
        <v>6266375.9900000002</v>
      </c>
      <c r="J98" s="8" t="s">
        <v>685</v>
      </c>
      <c r="K98" s="8" t="s">
        <v>686</v>
      </c>
      <c r="L98" s="8">
        <v>70359592.939999998</v>
      </c>
      <c r="M98" s="8">
        <v>10498550.359999999</v>
      </c>
    </row>
    <row r="99" spans="1:13" x14ac:dyDescent="0.25">
      <c r="A99" s="4" t="s">
        <v>275</v>
      </c>
      <c r="B99" s="6" t="s">
        <v>495</v>
      </c>
      <c r="C99" s="9">
        <v>47764600</v>
      </c>
      <c r="D99" s="9">
        <v>45519488.329999998</v>
      </c>
      <c r="E99" s="9">
        <v>5596390.8600000003</v>
      </c>
      <c r="F99" s="9">
        <v>28765264.02</v>
      </c>
      <c r="G99" s="9" t="s">
        <v>500</v>
      </c>
      <c r="H99" s="9">
        <v>16754224.310000001</v>
      </c>
      <c r="I99" s="9">
        <v>4996681.43</v>
      </c>
      <c r="J99" s="9" t="s">
        <v>687</v>
      </c>
      <c r="K99" s="9" t="s">
        <v>500</v>
      </c>
      <c r="L99" s="9">
        <v>17953294.16</v>
      </c>
      <c r="M99" s="9">
        <v>1199069.8500000001</v>
      </c>
    </row>
    <row r="100" spans="1:13" x14ac:dyDescent="0.25">
      <c r="A100" s="4" t="s">
        <v>277</v>
      </c>
      <c r="B100" s="6" t="s">
        <v>688</v>
      </c>
      <c r="C100" s="9">
        <v>38663500</v>
      </c>
      <c r="D100" s="9">
        <v>36974800</v>
      </c>
      <c r="E100" s="9">
        <v>-1901443.87</v>
      </c>
      <c r="F100" s="9">
        <v>11572661.800000001</v>
      </c>
      <c r="G100" s="9" t="s">
        <v>545</v>
      </c>
      <c r="H100" s="9">
        <v>25402138.199999999</v>
      </c>
      <c r="I100" s="9">
        <v>955145.12</v>
      </c>
      <c r="J100" s="9" t="s">
        <v>689</v>
      </c>
      <c r="K100" s="9" t="s">
        <v>690</v>
      </c>
      <c r="L100" s="9">
        <v>32698358.809999999</v>
      </c>
      <c r="M100" s="9">
        <v>7296220.6100000003</v>
      </c>
    </row>
    <row r="101" spans="1:13" x14ac:dyDescent="0.25">
      <c r="A101" s="4" t="s">
        <v>279</v>
      </c>
      <c r="B101" s="6" t="s">
        <v>691</v>
      </c>
      <c r="C101" s="9">
        <v>19502200</v>
      </c>
      <c r="D101" s="9">
        <v>21352200</v>
      </c>
      <c r="E101" s="9">
        <v>-750591.78</v>
      </c>
      <c r="F101" s="9">
        <v>5096349.93</v>
      </c>
      <c r="G101" s="9" t="s">
        <v>690</v>
      </c>
      <c r="H101" s="9">
        <v>16255850.07</v>
      </c>
      <c r="I101" s="9">
        <v>311259.46999999997</v>
      </c>
      <c r="J101" s="9" t="s">
        <v>692</v>
      </c>
      <c r="K101" s="9" t="s">
        <v>507</v>
      </c>
      <c r="L101" s="9">
        <v>17990109.969999999</v>
      </c>
      <c r="M101" s="9">
        <v>1734259.9</v>
      </c>
    </row>
    <row r="102" spans="1:13" x14ac:dyDescent="0.25">
      <c r="A102" s="4" t="s">
        <v>281</v>
      </c>
      <c r="B102" s="6" t="s">
        <v>693</v>
      </c>
      <c r="C102" s="9">
        <v>1485000</v>
      </c>
      <c r="D102" s="9">
        <v>1755000</v>
      </c>
      <c r="E102" s="9">
        <v>-9459.35</v>
      </c>
      <c r="F102" s="9">
        <v>806170</v>
      </c>
      <c r="G102" s="9" t="s">
        <v>504</v>
      </c>
      <c r="H102" s="9">
        <v>948830</v>
      </c>
      <c r="I102" s="9">
        <v>3289.97</v>
      </c>
      <c r="J102" s="9" t="s">
        <v>694</v>
      </c>
      <c r="K102" s="9" t="s">
        <v>39</v>
      </c>
      <c r="L102" s="9">
        <v>1217830</v>
      </c>
      <c r="M102" s="9">
        <v>269000</v>
      </c>
    </row>
    <row r="103" spans="1:13" x14ac:dyDescent="0.25">
      <c r="A103" s="4" t="s">
        <v>283</v>
      </c>
      <c r="B103" s="6" t="s">
        <v>695</v>
      </c>
      <c r="C103" s="9">
        <v>500000</v>
      </c>
      <c r="D103" s="9">
        <v>500000</v>
      </c>
      <c r="E103" s="9">
        <v>0</v>
      </c>
      <c r="F103" s="9">
        <v>0</v>
      </c>
      <c r="G103" s="9" t="s">
        <v>39</v>
      </c>
      <c r="H103" s="9">
        <v>500000</v>
      </c>
      <c r="I103" s="9">
        <v>0</v>
      </c>
      <c r="J103" s="9" t="s">
        <v>39</v>
      </c>
      <c r="K103" s="9" t="s">
        <v>39</v>
      </c>
      <c r="L103" s="9">
        <v>500000</v>
      </c>
      <c r="M103" s="9">
        <v>0</v>
      </c>
    </row>
    <row r="104" spans="1:13" x14ac:dyDescent="0.25">
      <c r="A104" s="5" t="s">
        <v>285</v>
      </c>
      <c r="B104" s="7" t="s">
        <v>696</v>
      </c>
      <c r="C104" s="8">
        <v>22323900</v>
      </c>
      <c r="D104" s="8">
        <v>37825600</v>
      </c>
      <c r="E104" s="8">
        <v>1303943.29</v>
      </c>
      <c r="F104" s="8">
        <v>9138173.6199999992</v>
      </c>
      <c r="G104" s="8" t="s">
        <v>524</v>
      </c>
      <c r="H104" s="8">
        <v>28687426.379999999</v>
      </c>
      <c r="I104" s="8">
        <v>1037576.68</v>
      </c>
      <c r="J104" s="8" t="s">
        <v>697</v>
      </c>
      <c r="K104" s="8" t="s">
        <v>524</v>
      </c>
      <c r="L104" s="8">
        <v>29749601.239999998</v>
      </c>
      <c r="M104" s="8">
        <v>1062174.8600000001</v>
      </c>
    </row>
    <row r="105" spans="1:13" x14ac:dyDescent="0.25">
      <c r="A105" s="4" t="s">
        <v>288</v>
      </c>
      <c r="B105" s="6" t="s">
        <v>499</v>
      </c>
      <c r="C105" s="9">
        <v>2200200</v>
      </c>
      <c r="D105" s="9">
        <v>1619400</v>
      </c>
      <c r="E105" s="9">
        <v>0</v>
      </c>
      <c r="F105" s="9">
        <v>0</v>
      </c>
      <c r="G105" s="9" t="s">
        <v>39</v>
      </c>
      <c r="H105" s="9">
        <v>1619400</v>
      </c>
      <c r="I105" s="9">
        <v>0</v>
      </c>
      <c r="J105" s="9" t="s">
        <v>39</v>
      </c>
      <c r="K105" s="9" t="s">
        <v>39</v>
      </c>
      <c r="L105" s="9">
        <v>1619400</v>
      </c>
      <c r="M105" s="9">
        <v>0</v>
      </c>
    </row>
    <row r="106" spans="1:13" x14ac:dyDescent="0.25">
      <c r="A106" s="4" t="s">
        <v>290</v>
      </c>
      <c r="B106" s="6" t="s">
        <v>650</v>
      </c>
      <c r="C106" s="9">
        <v>0</v>
      </c>
      <c r="D106" s="9">
        <v>0</v>
      </c>
      <c r="E106" s="9">
        <v>0</v>
      </c>
      <c r="F106" s="9">
        <v>0</v>
      </c>
      <c r="G106" s="9" t="s">
        <v>39</v>
      </c>
      <c r="H106" s="9">
        <v>0</v>
      </c>
      <c r="I106" s="9">
        <v>0</v>
      </c>
      <c r="J106" s="9" t="s">
        <v>39</v>
      </c>
      <c r="K106" s="9" t="s">
        <v>39</v>
      </c>
      <c r="L106" s="9">
        <v>0</v>
      </c>
      <c r="M106" s="9">
        <v>0</v>
      </c>
    </row>
    <row r="107" spans="1:13" x14ac:dyDescent="0.25">
      <c r="A107" s="4" t="s">
        <v>292</v>
      </c>
      <c r="B107" s="6" t="s">
        <v>643</v>
      </c>
      <c r="C107" s="9">
        <v>14493600</v>
      </c>
      <c r="D107" s="9">
        <v>30092500</v>
      </c>
      <c r="E107" s="9">
        <v>809309.91</v>
      </c>
      <c r="F107" s="9">
        <v>7739948.1799999997</v>
      </c>
      <c r="G107" s="9" t="s">
        <v>698</v>
      </c>
      <c r="H107" s="9">
        <v>22352551.82</v>
      </c>
      <c r="I107" s="9">
        <v>840999.42</v>
      </c>
      <c r="J107" s="9" t="s">
        <v>699</v>
      </c>
      <c r="K107" s="9" t="s">
        <v>524</v>
      </c>
      <c r="L107" s="9">
        <v>22363985.620000001</v>
      </c>
      <c r="M107" s="9">
        <v>11433.8</v>
      </c>
    </row>
    <row r="108" spans="1:13" x14ac:dyDescent="0.25">
      <c r="A108" s="4" t="s">
        <v>294</v>
      </c>
      <c r="B108" s="6" t="s">
        <v>645</v>
      </c>
      <c r="C108" s="9">
        <v>5630100</v>
      </c>
      <c r="D108" s="9">
        <v>6113700</v>
      </c>
      <c r="E108" s="9">
        <v>494633.38</v>
      </c>
      <c r="F108" s="9">
        <v>1398225.44</v>
      </c>
      <c r="G108" s="9" t="s">
        <v>504</v>
      </c>
      <c r="H108" s="9">
        <v>4715474.5599999996</v>
      </c>
      <c r="I108" s="9">
        <v>196577.26</v>
      </c>
      <c r="J108" s="9" t="s">
        <v>700</v>
      </c>
      <c r="K108" s="9" t="s">
        <v>39</v>
      </c>
      <c r="L108" s="9">
        <v>5766215.6200000001</v>
      </c>
      <c r="M108" s="9">
        <v>1050741.06</v>
      </c>
    </row>
    <row r="109" spans="1:13" x14ac:dyDescent="0.25">
      <c r="A109" s="5" t="s">
        <v>296</v>
      </c>
      <c r="B109" s="7" t="s">
        <v>701</v>
      </c>
      <c r="C109" s="8">
        <v>201256600</v>
      </c>
      <c r="D109" s="8">
        <v>211131293.40000001</v>
      </c>
      <c r="E109" s="8">
        <v>29059027.18</v>
      </c>
      <c r="F109" s="8">
        <v>139355449.47999999</v>
      </c>
      <c r="G109" s="8" t="s">
        <v>702</v>
      </c>
      <c r="H109" s="8">
        <v>71775843.920000002</v>
      </c>
      <c r="I109" s="8">
        <v>27454344.399999999</v>
      </c>
      <c r="J109" s="8" t="s">
        <v>703</v>
      </c>
      <c r="K109" s="8" t="s">
        <v>702</v>
      </c>
      <c r="L109" s="8">
        <v>78131454.340000004</v>
      </c>
      <c r="M109" s="8">
        <v>6355610.4199999999</v>
      </c>
    </row>
    <row r="110" spans="1:13" x14ac:dyDescent="0.25">
      <c r="A110" s="4" t="s">
        <v>298</v>
      </c>
      <c r="B110" s="6" t="s">
        <v>495</v>
      </c>
      <c r="C110" s="9">
        <v>120027700</v>
      </c>
      <c r="D110" s="9">
        <v>110895457.40000001</v>
      </c>
      <c r="E110" s="9">
        <v>21349360.73</v>
      </c>
      <c r="F110" s="9">
        <v>99723525.939999998</v>
      </c>
      <c r="G110" s="9" t="s">
        <v>704</v>
      </c>
      <c r="H110" s="9">
        <v>11171931.460000001</v>
      </c>
      <c r="I110" s="9">
        <v>18051972.489999998</v>
      </c>
      <c r="J110" s="9" t="s">
        <v>705</v>
      </c>
      <c r="K110" s="9" t="s">
        <v>704</v>
      </c>
      <c r="L110" s="9">
        <v>15226298.529999999</v>
      </c>
      <c r="M110" s="9">
        <v>4054367.07</v>
      </c>
    </row>
    <row r="111" spans="1:13" x14ac:dyDescent="0.25">
      <c r="A111" s="4" t="s">
        <v>300</v>
      </c>
      <c r="B111" s="6" t="s">
        <v>688</v>
      </c>
      <c r="C111" s="9">
        <v>100</v>
      </c>
      <c r="D111" s="9">
        <v>100</v>
      </c>
      <c r="E111" s="9">
        <v>0</v>
      </c>
      <c r="F111" s="9">
        <v>0</v>
      </c>
      <c r="G111" s="9" t="s">
        <v>39</v>
      </c>
      <c r="H111" s="9">
        <v>100</v>
      </c>
      <c r="I111" s="9">
        <v>0</v>
      </c>
      <c r="J111" s="9" t="s">
        <v>39</v>
      </c>
      <c r="K111" s="9" t="s">
        <v>39</v>
      </c>
      <c r="L111" s="9">
        <v>100</v>
      </c>
      <c r="M111" s="9">
        <v>0</v>
      </c>
    </row>
    <row r="112" spans="1:13" x14ac:dyDescent="0.25">
      <c r="A112" s="4" t="s">
        <v>301</v>
      </c>
      <c r="B112" s="6" t="s">
        <v>691</v>
      </c>
      <c r="C112" s="9">
        <v>1325700</v>
      </c>
      <c r="D112" s="9">
        <v>525700</v>
      </c>
      <c r="E112" s="9">
        <v>0</v>
      </c>
      <c r="F112" s="9">
        <v>0</v>
      </c>
      <c r="G112" s="9" t="s">
        <v>39</v>
      </c>
      <c r="H112" s="9">
        <v>525700</v>
      </c>
      <c r="I112" s="9">
        <v>0</v>
      </c>
      <c r="J112" s="9" t="s">
        <v>39</v>
      </c>
      <c r="K112" s="9" t="s">
        <v>39</v>
      </c>
      <c r="L112" s="9">
        <v>525700</v>
      </c>
      <c r="M112" s="9">
        <v>0</v>
      </c>
    </row>
    <row r="113" spans="1:13" x14ac:dyDescent="0.25">
      <c r="A113" s="4" t="s">
        <v>302</v>
      </c>
      <c r="B113" s="6" t="s">
        <v>693</v>
      </c>
      <c r="C113" s="9">
        <v>100</v>
      </c>
      <c r="D113" s="9">
        <v>100</v>
      </c>
      <c r="E113" s="9">
        <v>0</v>
      </c>
      <c r="F113" s="9">
        <v>0</v>
      </c>
      <c r="G113" s="9" t="s">
        <v>39</v>
      </c>
      <c r="H113" s="9">
        <v>100</v>
      </c>
      <c r="I113" s="9">
        <v>0</v>
      </c>
      <c r="J113" s="9" t="s">
        <v>39</v>
      </c>
      <c r="K113" s="9" t="s">
        <v>39</v>
      </c>
      <c r="L113" s="9">
        <v>100</v>
      </c>
      <c r="M113" s="9">
        <v>0</v>
      </c>
    </row>
    <row r="114" spans="1:13" x14ac:dyDescent="0.25">
      <c r="A114" s="4" t="s">
        <v>304</v>
      </c>
      <c r="B114" s="6" t="s">
        <v>695</v>
      </c>
      <c r="C114" s="9">
        <v>100</v>
      </c>
      <c r="D114" s="9">
        <v>282600</v>
      </c>
      <c r="E114" s="9">
        <v>0</v>
      </c>
      <c r="F114" s="9">
        <v>153661.45000000001</v>
      </c>
      <c r="G114" s="9" t="s">
        <v>39</v>
      </c>
      <c r="H114" s="9">
        <v>128938.55</v>
      </c>
      <c r="I114" s="9">
        <v>0</v>
      </c>
      <c r="J114" s="9" t="s">
        <v>706</v>
      </c>
      <c r="K114" s="9" t="s">
        <v>39</v>
      </c>
      <c r="L114" s="9">
        <v>128938.55</v>
      </c>
      <c r="M114" s="9">
        <v>0</v>
      </c>
    </row>
    <row r="115" spans="1:13" x14ac:dyDescent="0.25">
      <c r="A115" s="4" t="s">
        <v>306</v>
      </c>
      <c r="B115" s="6" t="s">
        <v>645</v>
      </c>
      <c r="C115" s="9">
        <v>2460600</v>
      </c>
      <c r="D115" s="9">
        <v>2519148</v>
      </c>
      <c r="E115" s="9">
        <v>-150</v>
      </c>
      <c r="F115" s="9">
        <v>20949.990000000002</v>
      </c>
      <c r="G115" s="9" t="s">
        <v>39</v>
      </c>
      <c r="H115" s="9">
        <v>2498198.0099999998</v>
      </c>
      <c r="I115" s="9">
        <v>981.24</v>
      </c>
      <c r="J115" s="9" t="s">
        <v>707</v>
      </c>
      <c r="K115" s="9" t="s">
        <v>39</v>
      </c>
      <c r="L115" s="9">
        <v>2501342.11</v>
      </c>
      <c r="M115" s="9">
        <v>3144.1</v>
      </c>
    </row>
    <row r="116" spans="1:13" x14ac:dyDescent="0.25">
      <c r="A116" s="4" t="s">
        <v>308</v>
      </c>
      <c r="B116" s="6" t="s">
        <v>708</v>
      </c>
      <c r="C116" s="9">
        <v>49834100</v>
      </c>
      <c r="D116" s="9">
        <v>69600688</v>
      </c>
      <c r="E116" s="9">
        <v>5570521.5300000003</v>
      </c>
      <c r="F116" s="9">
        <v>23796505.5</v>
      </c>
      <c r="G116" s="9" t="s">
        <v>709</v>
      </c>
      <c r="H116" s="9">
        <v>45804182.5</v>
      </c>
      <c r="I116" s="9">
        <v>7014077.6900000004</v>
      </c>
      <c r="J116" s="9" t="s">
        <v>710</v>
      </c>
      <c r="K116" s="9" t="s">
        <v>709</v>
      </c>
      <c r="L116" s="9">
        <v>47222260.399999999</v>
      </c>
      <c r="M116" s="9">
        <v>1418077.9</v>
      </c>
    </row>
    <row r="117" spans="1:13" x14ac:dyDescent="0.25">
      <c r="A117" s="4" t="s">
        <v>311</v>
      </c>
      <c r="B117" s="6" t="s">
        <v>711</v>
      </c>
      <c r="C117" s="9">
        <v>100</v>
      </c>
      <c r="D117" s="9">
        <v>100</v>
      </c>
      <c r="E117" s="9">
        <v>0</v>
      </c>
      <c r="F117" s="9">
        <v>0</v>
      </c>
      <c r="G117" s="9" t="s">
        <v>39</v>
      </c>
      <c r="H117" s="9">
        <v>100</v>
      </c>
      <c r="I117" s="9">
        <v>0</v>
      </c>
      <c r="J117" s="9" t="s">
        <v>39</v>
      </c>
      <c r="K117" s="9" t="s">
        <v>39</v>
      </c>
      <c r="L117" s="9">
        <v>100</v>
      </c>
      <c r="M117" s="9">
        <v>0</v>
      </c>
    </row>
    <row r="118" spans="1:13" x14ac:dyDescent="0.25">
      <c r="A118" s="4" t="s">
        <v>313</v>
      </c>
      <c r="B118" s="6" t="s">
        <v>712</v>
      </c>
      <c r="C118" s="9">
        <v>7193400</v>
      </c>
      <c r="D118" s="9">
        <v>7193400</v>
      </c>
      <c r="E118" s="9">
        <v>-1377.52</v>
      </c>
      <c r="F118" s="9">
        <v>4454200.6100000003</v>
      </c>
      <c r="G118" s="9" t="s">
        <v>690</v>
      </c>
      <c r="H118" s="9">
        <v>2739199.39</v>
      </c>
      <c r="I118" s="9">
        <v>0</v>
      </c>
      <c r="J118" s="9" t="s">
        <v>713</v>
      </c>
      <c r="K118" s="9" t="s">
        <v>690</v>
      </c>
      <c r="L118" s="9">
        <v>2939199.39</v>
      </c>
      <c r="M118" s="9">
        <v>200000</v>
      </c>
    </row>
    <row r="119" spans="1:13" x14ac:dyDescent="0.25">
      <c r="A119" s="4" t="s">
        <v>315</v>
      </c>
      <c r="B119" s="6" t="s">
        <v>714</v>
      </c>
      <c r="C119" s="9">
        <v>20414600</v>
      </c>
      <c r="D119" s="9">
        <v>20113900</v>
      </c>
      <c r="E119" s="9">
        <v>2140672.44</v>
      </c>
      <c r="F119" s="9">
        <v>11206605.99</v>
      </c>
      <c r="G119" s="9" t="s">
        <v>545</v>
      </c>
      <c r="H119" s="9">
        <v>8907294.0099999998</v>
      </c>
      <c r="I119" s="9">
        <v>2387312.98</v>
      </c>
      <c r="J119" s="9" t="s">
        <v>715</v>
      </c>
      <c r="K119" s="9" t="s">
        <v>545</v>
      </c>
      <c r="L119" s="9">
        <v>9587315.3599999994</v>
      </c>
      <c r="M119" s="9">
        <v>680021.35</v>
      </c>
    </row>
    <row r="120" spans="1:13" x14ac:dyDescent="0.25">
      <c r="A120" s="4" t="s">
        <v>317</v>
      </c>
      <c r="B120" s="6" t="s">
        <v>716</v>
      </c>
      <c r="C120" s="9">
        <v>100</v>
      </c>
      <c r="D120" s="9">
        <v>100</v>
      </c>
      <c r="E120" s="9">
        <v>0</v>
      </c>
      <c r="F120" s="9">
        <v>0</v>
      </c>
      <c r="G120" s="9" t="s">
        <v>39</v>
      </c>
      <c r="H120" s="9">
        <v>100</v>
      </c>
      <c r="I120" s="9">
        <v>0</v>
      </c>
      <c r="J120" s="9" t="s">
        <v>39</v>
      </c>
      <c r="K120" s="9" t="s">
        <v>39</v>
      </c>
      <c r="L120" s="9">
        <v>100</v>
      </c>
      <c r="M120" s="9">
        <v>0</v>
      </c>
    </row>
    <row r="121" spans="1:13" x14ac:dyDescent="0.25">
      <c r="A121" s="5" t="s">
        <v>319</v>
      </c>
      <c r="B121" s="7" t="s">
        <v>717</v>
      </c>
      <c r="C121" s="8">
        <v>2751500</v>
      </c>
      <c r="D121" s="8">
        <v>2977300</v>
      </c>
      <c r="E121" s="8">
        <v>496469.96</v>
      </c>
      <c r="F121" s="8">
        <v>1196731.6599999999</v>
      </c>
      <c r="G121" s="8" t="s">
        <v>504</v>
      </c>
      <c r="H121" s="8">
        <v>1780568.34</v>
      </c>
      <c r="I121" s="8">
        <v>130678.8</v>
      </c>
      <c r="J121" s="8" t="s">
        <v>718</v>
      </c>
      <c r="K121" s="8" t="s">
        <v>504</v>
      </c>
      <c r="L121" s="8">
        <v>2253545.9</v>
      </c>
      <c r="M121" s="8">
        <v>472977.56</v>
      </c>
    </row>
    <row r="122" spans="1:13" x14ac:dyDescent="0.25">
      <c r="A122" s="4" t="s">
        <v>321</v>
      </c>
      <c r="B122" s="6" t="s">
        <v>719</v>
      </c>
      <c r="C122" s="9">
        <v>2751500</v>
      </c>
      <c r="D122" s="9">
        <v>2977300</v>
      </c>
      <c r="E122" s="9">
        <v>496469.96</v>
      </c>
      <c r="F122" s="9">
        <v>1196731.6599999999</v>
      </c>
      <c r="G122" s="9" t="s">
        <v>504</v>
      </c>
      <c r="H122" s="9">
        <v>1780568.34</v>
      </c>
      <c r="I122" s="9">
        <v>130678.8</v>
      </c>
      <c r="J122" s="9" t="s">
        <v>718</v>
      </c>
      <c r="K122" s="9" t="s">
        <v>504</v>
      </c>
      <c r="L122" s="9">
        <v>2253545.9</v>
      </c>
      <c r="M122" s="9">
        <v>472977.56</v>
      </c>
    </row>
    <row r="123" spans="1:13" x14ac:dyDescent="0.25">
      <c r="A123" s="5" t="s">
        <v>323</v>
      </c>
      <c r="B123" s="7" t="s">
        <v>720</v>
      </c>
      <c r="C123" s="8">
        <v>20683400</v>
      </c>
      <c r="D123" s="8">
        <v>168306055</v>
      </c>
      <c r="E123" s="8">
        <v>34708052.340000004</v>
      </c>
      <c r="F123" s="8">
        <v>159963869.18000001</v>
      </c>
      <c r="G123" s="8" t="s">
        <v>721</v>
      </c>
      <c r="H123" s="8">
        <v>8342185.8200000003</v>
      </c>
      <c r="I123" s="8">
        <v>36759335.289999999</v>
      </c>
      <c r="J123" s="8" t="s">
        <v>722</v>
      </c>
      <c r="K123" s="8" t="s">
        <v>723</v>
      </c>
      <c r="L123" s="8">
        <v>9253011.8599999994</v>
      </c>
      <c r="M123" s="8">
        <v>910826.04</v>
      </c>
    </row>
    <row r="124" spans="1:13" x14ac:dyDescent="0.25">
      <c r="A124" s="4" t="s">
        <v>327</v>
      </c>
      <c r="B124" s="6" t="s">
        <v>724</v>
      </c>
      <c r="C124" s="9">
        <v>20683400</v>
      </c>
      <c r="D124" s="9">
        <v>168306055</v>
      </c>
      <c r="E124" s="9">
        <v>34708052.340000004</v>
      </c>
      <c r="F124" s="9">
        <v>159963869.18000001</v>
      </c>
      <c r="G124" s="9" t="s">
        <v>721</v>
      </c>
      <c r="H124" s="9">
        <v>8342185.8200000003</v>
      </c>
      <c r="I124" s="9">
        <v>36759335.289999999</v>
      </c>
      <c r="J124" s="9" t="s">
        <v>722</v>
      </c>
      <c r="K124" s="9" t="s">
        <v>723</v>
      </c>
      <c r="L124" s="9">
        <v>9253011.8599999994</v>
      </c>
      <c r="M124" s="9">
        <v>910826.04</v>
      </c>
    </row>
    <row r="125" spans="1:13" x14ac:dyDescent="0.25">
      <c r="A125" s="5" t="s">
        <v>329</v>
      </c>
      <c r="B125" s="7" t="s">
        <v>725</v>
      </c>
      <c r="C125" s="8">
        <v>38859700</v>
      </c>
      <c r="D125" s="8">
        <v>39274499</v>
      </c>
      <c r="E125" s="8">
        <v>3295064.23</v>
      </c>
      <c r="F125" s="8">
        <v>25274049.640000001</v>
      </c>
      <c r="G125" s="8" t="s">
        <v>502</v>
      </c>
      <c r="H125" s="8">
        <v>14000449.359999999</v>
      </c>
      <c r="I125" s="8">
        <v>4805046.76</v>
      </c>
      <c r="J125" s="8" t="s">
        <v>726</v>
      </c>
      <c r="K125" s="8" t="s">
        <v>727</v>
      </c>
      <c r="L125" s="8">
        <v>15678884.039999999</v>
      </c>
      <c r="M125" s="8">
        <v>1678434.68</v>
      </c>
    </row>
    <row r="126" spans="1:13" x14ac:dyDescent="0.25">
      <c r="A126" s="4" t="s">
        <v>331</v>
      </c>
      <c r="B126" s="6" t="s">
        <v>724</v>
      </c>
      <c r="C126" s="9">
        <v>1547400</v>
      </c>
      <c r="D126" s="9">
        <v>1460400</v>
      </c>
      <c r="E126" s="9">
        <v>0</v>
      </c>
      <c r="F126" s="9">
        <v>0</v>
      </c>
      <c r="G126" s="9" t="s">
        <v>39</v>
      </c>
      <c r="H126" s="9">
        <v>1460400</v>
      </c>
      <c r="I126" s="9">
        <v>0</v>
      </c>
      <c r="J126" s="9" t="s">
        <v>39</v>
      </c>
      <c r="K126" s="9" t="s">
        <v>39</v>
      </c>
      <c r="L126" s="9">
        <v>1460400</v>
      </c>
      <c r="M126" s="9">
        <v>0</v>
      </c>
    </row>
    <row r="127" spans="1:13" x14ac:dyDescent="0.25">
      <c r="A127" s="4" t="s">
        <v>333</v>
      </c>
      <c r="B127" s="6" t="s">
        <v>728</v>
      </c>
      <c r="C127" s="9">
        <v>17383100</v>
      </c>
      <c r="D127" s="9">
        <v>17192800</v>
      </c>
      <c r="E127" s="9">
        <v>2432641.62</v>
      </c>
      <c r="F127" s="9">
        <v>11488305.880000001</v>
      </c>
      <c r="G127" s="9" t="s">
        <v>545</v>
      </c>
      <c r="H127" s="9">
        <v>5704494.1200000001</v>
      </c>
      <c r="I127" s="9">
        <v>2429288.2999999998</v>
      </c>
      <c r="J127" s="9" t="s">
        <v>729</v>
      </c>
      <c r="K127" s="9" t="s">
        <v>545</v>
      </c>
      <c r="L127" s="9">
        <v>6105362.2199999997</v>
      </c>
      <c r="M127" s="9">
        <v>400868.1</v>
      </c>
    </row>
    <row r="128" spans="1:13" x14ac:dyDescent="0.25">
      <c r="A128" s="4" t="s">
        <v>335</v>
      </c>
      <c r="B128" s="6" t="s">
        <v>716</v>
      </c>
      <c r="C128" s="9">
        <v>100</v>
      </c>
      <c r="D128" s="9">
        <v>100</v>
      </c>
      <c r="E128" s="9">
        <v>0</v>
      </c>
      <c r="F128" s="9">
        <v>0</v>
      </c>
      <c r="G128" s="9" t="s">
        <v>39</v>
      </c>
      <c r="H128" s="9">
        <v>100</v>
      </c>
      <c r="I128" s="9">
        <v>0</v>
      </c>
      <c r="J128" s="9" t="s">
        <v>39</v>
      </c>
      <c r="K128" s="9" t="s">
        <v>39</v>
      </c>
      <c r="L128" s="9">
        <v>100</v>
      </c>
      <c r="M128" s="9">
        <v>0</v>
      </c>
    </row>
    <row r="129" spans="1:13" x14ac:dyDescent="0.25">
      <c r="A129" s="4" t="s">
        <v>339</v>
      </c>
      <c r="B129" s="6" t="s">
        <v>730</v>
      </c>
      <c r="C129" s="9">
        <v>9526900</v>
      </c>
      <c r="D129" s="9">
        <v>9251719</v>
      </c>
      <c r="E129" s="9">
        <v>1317278.47</v>
      </c>
      <c r="F129" s="9">
        <v>8262106.9299999997</v>
      </c>
      <c r="G129" s="9" t="s">
        <v>524</v>
      </c>
      <c r="H129" s="9">
        <v>989612.07</v>
      </c>
      <c r="I129" s="9">
        <v>1340129.95</v>
      </c>
      <c r="J129" s="9" t="s">
        <v>731</v>
      </c>
      <c r="K129" s="9" t="s">
        <v>524</v>
      </c>
      <c r="L129" s="9">
        <v>1218569.81</v>
      </c>
      <c r="M129" s="9">
        <v>228957.74</v>
      </c>
    </row>
    <row r="130" spans="1:13" x14ac:dyDescent="0.25">
      <c r="A130" s="4" t="s">
        <v>341</v>
      </c>
      <c r="B130" s="6" t="s">
        <v>732</v>
      </c>
      <c r="C130" s="9">
        <v>10402200</v>
      </c>
      <c r="D130" s="9">
        <v>11369480</v>
      </c>
      <c r="E130" s="9">
        <v>-454855.86</v>
      </c>
      <c r="F130" s="9">
        <v>5523636.8300000001</v>
      </c>
      <c r="G130" s="9" t="s">
        <v>614</v>
      </c>
      <c r="H130" s="9">
        <v>5845843.1699999999</v>
      </c>
      <c r="I130" s="9">
        <v>1035628.51</v>
      </c>
      <c r="J130" s="9" t="s">
        <v>733</v>
      </c>
      <c r="K130" s="9" t="s">
        <v>690</v>
      </c>
      <c r="L130" s="9">
        <v>6894452.0099999998</v>
      </c>
      <c r="M130" s="9">
        <v>1048608.8400000001</v>
      </c>
    </row>
    <row r="131" spans="1:13" x14ac:dyDescent="0.25">
      <c r="A131" s="5" t="s">
        <v>343</v>
      </c>
      <c r="B131" s="7" t="s">
        <v>734</v>
      </c>
      <c r="C131" s="8">
        <v>0</v>
      </c>
      <c r="D131" s="8">
        <v>0</v>
      </c>
      <c r="E131" s="8">
        <v>0</v>
      </c>
      <c r="F131" s="8">
        <v>0</v>
      </c>
      <c r="G131" s="8" t="s">
        <v>39</v>
      </c>
      <c r="H131" s="8">
        <v>0</v>
      </c>
      <c r="I131" s="8">
        <v>0</v>
      </c>
      <c r="J131" s="8" t="s">
        <v>39</v>
      </c>
      <c r="K131" s="8" t="s">
        <v>39</v>
      </c>
      <c r="L131" s="8">
        <v>0</v>
      </c>
      <c r="M131" s="8">
        <v>0</v>
      </c>
    </row>
    <row r="132" spans="1:13" x14ac:dyDescent="0.25">
      <c r="A132" s="4" t="s">
        <v>345</v>
      </c>
      <c r="B132" s="6" t="s">
        <v>506</v>
      </c>
      <c r="C132" s="9">
        <v>0</v>
      </c>
      <c r="D132" s="9">
        <v>0</v>
      </c>
      <c r="E132" s="9">
        <v>0</v>
      </c>
      <c r="F132" s="9">
        <v>0</v>
      </c>
      <c r="G132" s="9" t="s">
        <v>39</v>
      </c>
      <c r="H132" s="9">
        <v>0</v>
      </c>
      <c r="I132" s="9">
        <v>0</v>
      </c>
      <c r="J132" s="9" t="s">
        <v>39</v>
      </c>
      <c r="K132" s="9" t="s">
        <v>39</v>
      </c>
      <c r="L132" s="9">
        <v>0</v>
      </c>
      <c r="M132" s="9">
        <v>0</v>
      </c>
    </row>
    <row r="133" spans="1:13" x14ac:dyDescent="0.25">
      <c r="A133" s="5" t="s">
        <v>347</v>
      </c>
      <c r="B133" s="7" t="s">
        <v>735</v>
      </c>
      <c r="C133" s="8">
        <v>300000</v>
      </c>
      <c r="D133" s="8">
        <v>991000</v>
      </c>
      <c r="E133" s="8">
        <v>-320443.21999999997</v>
      </c>
      <c r="F133" s="8">
        <v>251525.97</v>
      </c>
      <c r="G133" s="8" t="s">
        <v>39</v>
      </c>
      <c r="H133" s="8">
        <v>739474.03</v>
      </c>
      <c r="I133" s="8">
        <v>62455.9</v>
      </c>
      <c r="J133" s="8" t="s">
        <v>736</v>
      </c>
      <c r="K133" s="8" t="s">
        <v>39</v>
      </c>
      <c r="L133" s="8">
        <v>739474.03</v>
      </c>
      <c r="M133" s="8">
        <v>0</v>
      </c>
    </row>
    <row r="134" spans="1:13" x14ac:dyDescent="0.25">
      <c r="A134" s="4" t="s">
        <v>349</v>
      </c>
      <c r="B134" s="6" t="s">
        <v>737</v>
      </c>
      <c r="C134" s="9">
        <v>100000</v>
      </c>
      <c r="D134" s="9">
        <v>19000</v>
      </c>
      <c r="E134" s="9">
        <v>0</v>
      </c>
      <c r="F134" s="9">
        <v>0</v>
      </c>
      <c r="G134" s="9" t="s">
        <v>39</v>
      </c>
      <c r="H134" s="9">
        <v>19000</v>
      </c>
      <c r="I134" s="9">
        <v>0</v>
      </c>
      <c r="J134" s="9" t="s">
        <v>39</v>
      </c>
      <c r="K134" s="9" t="s">
        <v>39</v>
      </c>
      <c r="L134" s="9">
        <v>19000</v>
      </c>
      <c r="M134" s="9">
        <v>0</v>
      </c>
    </row>
    <row r="135" spans="1:13" x14ac:dyDescent="0.25">
      <c r="A135" s="4" t="s">
        <v>353</v>
      </c>
      <c r="B135" s="6" t="s">
        <v>738</v>
      </c>
      <c r="C135" s="9">
        <v>200000</v>
      </c>
      <c r="D135" s="9">
        <v>972000</v>
      </c>
      <c r="E135" s="9">
        <v>-320443.21999999997</v>
      </c>
      <c r="F135" s="9">
        <v>251525.97</v>
      </c>
      <c r="G135" s="9" t="s">
        <v>39</v>
      </c>
      <c r="H135" s="9">
        <v>720474.03</v>
      </c>
      <c r="I135" s="9">
        <v>62455.9</v>
      </c>
      <c r="J135" s="9" t="s">
        <v>736</v>
      </c>
      <c r="K135" s="9" t="s">
        <v>39</v>
      </c>
      <c r="L135" s="9">
        <v>720474.03</v>
      </c>
      <c r="M135" s="9">
        <v>0</v>
      </c>
    </row>
    <row r="136" spans="1:13" x14ac:dyDescent="0.25">
      <c r="A136" s="5" t="s">
        <v>355</v>
      </c>
      <c r="B136" s="7" t="s">
        <v>739</v>
      </c>
      <c r="C136" s="8">
        <v>826793900</v>
      </c>
      <c r="D136" s="8">
        <v>943531850.01999998</v>
      </c>
      <c r="E136" s="8">
        <v>-20585944.329999998</v>
      </c>
      <c r="F136" s="8">
        <v>817743818.77999997</v>
      </c>
      <c r="G136" s="8" t="s">
        <v>740</v>
      </c>
      <c r="H136" s="8">
        <v>125788031.23999999</v>
      </c>
      <c r="I136" s="8">
        <v>102088565.78</v>
      </c>
      <c r="J136" s="8" t="s">
        <v>741</v>
      </c>
      <c r="K136" s="8" t="s">
        <v>742</v>
      </c>
      <c r="L136" s="8">
        <v>137135169.28</v>
      </c>
      <c r="M136" s="8">
        <v>11347138.039999999</v>
      </c>
    </row>
    <row r="137" spans="1:13" x14ac:dyDescent="0.25">
      <c r="A137" s="4" t="s">
        <v>357</v>
      </c>
      <c r="B137" s="6" t="s">
        <v>495</v>
      </c>
      <c r="C137" s="9">
        <v>96542200</v>
      </c>
      <c r="D137" s="9">
        <v>85248410.019999996</v>
      </c>
      <c r="E137" s="9">
        <v>10984496.32</v>
      </c>
      <c r="F137" s="9">
        <v>64309732.359999999</v>
      </c>
      <c r="G137" s="9" t="s">
        <v>743</v>
      </c>
      <c r="H137" s="9">
        <v>20938677.66</v>
      </c>
      <c r="I137" s="9">
        <v>11058720.109999999</v>
      </c>
      <c r="J137" s="9" t="s">
        <v>744</v>
      </c>
      <c r="K137" s="9" t="s">
        <v>743</v>
      </c>
      <c r="L137" s="9">
        <v>23556819.469999999</v>
      </c>
      <c r="M137" s="9">
        <v>2618141.81</v>
      </c>
    </row>
    <row r="138" spans="1:13" x14ac:dyDescent="0.25">
      <c r="A138" s="4" t="s">
        <v>359</v>
      </c>
      <c r="B138" s="6" t="s">
        <v>745</v>
      </c>
      <c r="C138" s="9">
        <v>1180000</v>
      </c>
      <c r="D138" s="9">
        <v>16148687</v>
      </c>
      <c r="E138" s="9">
        <v>-4167275.76</v>
      </c>
      <c r="F138" s="9">
        <v>373969.21</v>
      </c>
      <c r="G138" s="9" t="s">
        <v>39</v>
      </c>
      <c r="H138" s="9">
        <v>15774717.789999999</v>
      </c>
      <c r="I138" s="9">
        <v>210266.26</v>
      </c>
      <c r="J138" s="9" t="s">
        <v>746</v>
      </c>
      <c r="K138" s="9" t="s">
        <v>39</v>
      </c>
      <c r="L138" s="9">
        <v>15774717.789999999</v>
      </c>
      <c r="M138" s="9">
        <v>0</v>
      </c>
    </row>
    <row r="139" spans="1:13" x14ac:dyDescent="0.25">
      <c r="A139" s="4" t="s">
        <v>361</v>
      </c>
      <c r="B139" s="6" t="s">
        <v>747</v>
      </c>
      <c r="C139" s="9">
        <v>726971700</v>
      </c>
      <c r="D139" s="9">
        <v>841879994</v>
      </c>
      <c r="E139" s="9">
        <v>-27403164.890000001</v>
      </c>
      <c r="F139" s="9">
        <v>753060117.21000004</v>
      </c>
      <c r="G139" s="9" t="s">
        <v>514</v>
      </c>
      <c r="H139" s="9">
        <v>88819876.790000007</v>
      </c>
      <c r="I139" s="9">
        <v>90819579.409999996</v>
      </c>
      <c r="J139" s="9" t="s">
        <v>748</v>
      </c>
      <c r="K139" s="9" t="s">
        <v>749</v>
      </c>
      <c r="L139" s="9">
        <v>97548873.019999996</v>
      </c>
      <c r="M139" s="9">
        <v>8728996.2300000004</v>
      </c>
    </row>
    <row r="140" spans="1:13" x14ac:dyDescent="0.25">
      <c r="A140" s="4" t="s">
        <v>363</v>
      </c>
      <c r="B140" s="6" t="s">
        <v>750</v>
      </c>
      <c r="C140" s="9">
        <v>1100000</v>
      </c>
      <c r="D140" s="9">
        <v>0</v>
      </c>
      <c r="E140" s="9">
        <v>0</v>
      </c>
      <c r="F140" s="9">
        <v>0</v>
      </c>
      <c r="G140" s="9" t="s">
        <v>39</v>
      </c>
      <c r="H140" s="9">
        <v>0</v>
      </c>
      <c r="I140" s="9">
        <v>0</v>
      </c>
      <c r="J140" s="9" t="s">
        <v>39</v>
      </c>
      <c r="K140" s="9" t="s">
        <v>39</v>
      </c>
      <c r="L140" s="9">
        <v>0</v>
      </c>
      <c r="M140" s="9">
        <v>0</v>
      </c>
    </row>
    <row r="141" spans="1:13" x14ac:dyDescent="0.25">
      <c r="A141" s="4" t="s">
        <v>365</v>
      </c>
      <c r="B141" s="6" t="s">
        <v>751</v>
      </c>
      <c r="C141" s="9">
        <v>1000000</v>
      </c>
      <c r="D141" s="9">
        <v>254759</v>
      </c>
      <c r="E141" s="9">
        <v>0</v>
      </c>
      <c r="F141" s="9">
        <v>0</v>
      </c>
      <c r="G141" s="9" t="s">
        <v>39</v>
      </c>
      <c r="H141" s="9">
        <v>254759</v>
      </c>
      <c r="I141" s="9">
        <v>0</v>
      </c>
      <c r="J141" s="9" t="s">
        <v>39</v>
      </c>
      <c r="K141" s="9" t="s">
        <v>39</v>
      </c>
      <c r="L141" s="9">
        <v>254759</v>
      </c>
      <c r="M141" s="9">
        <v>0</v>
      </c>
    </row>
    <row r="142" spans="1:13" x14ac:dyDescent="0.25">
      <c r="A142" s="5" t="s">
        <v>367</v>
      </c>
      <c r="B142" s="7" t="s">
        <v>752</v>
      </c>
      <c r="C142" s="8">
        <v>51823500</v>
      </c>
      <c r="D142" s="8">
        <v>61584200</v>
      </c>
      <c r="E142" s="8">
        <v>-51636.5</v>
      </c>
      <c r="F142" s="8">
        <v>18164140.27</v>
      </c>
      <c r="G142" s="8" t="s">
        <v>753</v>
      </c>
      <c r="H142" s="8">
        <v>43420059.729999997</v>
      </c>
      <c r="I142" s="8">
        <v>710486.77</v>
      </c>
      <c r="J142" s="8" t="s">
        <v>754</v>
      </c>
      <c r="K142" s="8" t="s">
        <v>545</v>
      </c>
      <c r="L142" s="8">
        <v>50146427.149999999</v>
      </c>
      <c r="M142" s="8">
        <v>6726367.4199999999</v>
      </c>
    </row>
    <row r="143" spans="1:13" x14ac:dyDescent="0.25">
      <c r="A143" s="4" t="s">
        <v>369</v>
      </c>
      <c r="B143" s="6" t="s">
        <v>755</v>
      </c>
      <c r="C143" s="9">
        <v>8650300</v>
      </c>
      <c r="D143" s="9">
        <v>10572300</v>
      </c>
      <c r="E143" s="9">
        <v>578.16999999999996</v>
      </c>
      <c r="F143" s="9">
        <v>4473497.51</v>
      </c>
      <c r="G143" s="9" t="s">
        <v>690</v>
      </c>
      <c r="H143" s="9">
        <v>6098802.4900000002</v>
      </c>
      <c r="I143" s="9">
        <v>36160</v>
      </c>
      <c r="J143" s="9" t="s">
        <v>756</v>
      </c>
      <c r="K143" s="9" t="s">
        <v>690</v>
      </c>
      <c r="L143" s="9">
        <v>6518560.9800000004</v>
      </c>
      <c r="M143" s="9">
        <v>419758.49</v>
      </c>
    </row>
    <row r="144" spans="1:13" x14ac:dyDescent="0.25">
      <c r="A144" s="4" t="s">
        <v>371</v>
      </c>
      <c r="B144" s="6" t="s">
        <v>757</v>
      </c>
      <c r="C144" s="9">
        <v>43173200</v>
      </c>
      <c r="D144" s="9">
        <v>51011900</v>
      </c>
      <c r="E144" s="9">
        <v>-52214.67</v>
      </c>
      <c r="F144" s="9">
        <v>13690642.76</v>
      </c>
      <c r="G144" s="9" t="s">
        <v>522</v>
      </c>
      <c r="H144" s="9">
        <v>37321257.240000002</v>
      </c>
      <c r="I144" s="9">
        <v>674326.77</v>
      </c>
      <c r="J144" s="9" t="s">
        <v>758</v>
      </c>
      <c r="K144" s="9" t="s">
        <v>698</v>
      </c>
      <c r="L144" s="9">
        <v>43627866.170000002</v>
      </c>
      <c r="M144" s="9">
        <v>6306608.9299999997</v>
      </c>
    </row>
    <row r="145" spans="1:13" x14ac:dyDescent="0.25">
      <c r="A145" s="5" t="s">
        <v>373</v>
      </c>
      <c r="B145" s="7" t="s">
        <v>759</v>
      </c>
      <c r="C145" s="8">
        <v>874062500</v>
      </c>
      <c r="D145" s="8">
        <v>943797891</v>
      </c>
      <c r="E145" s="8">
        <v>53245979.659999996</v>
      </c>
      <c r="F145" s="8">
        <v>738603222.38999999</v>
      </c>
      <c r="G145" s="8" t="s">
        <v>761</v>
      </c>
      <c r="H145" s="8">
        <v>205194668.61000001</v>
      </c>
      <c r="I145" s="8">
        <v>69013792.030000001</v>
      </c>
      <c r="J145" s="8" t="s">
        <v>760</v>
      </c>
      <c r="K145" s="8" t="s">
        <v>762</v>
      </c>
      <c r="L145" s="8">
        <v>205194668.61000001</v>
      </c>
      <c r="M145" s="8">
        <v>0</v>
      </c>
    </row>
    <row r="146" spans="1:13" x14ac:dyDescent="0.25">
      <c r="A146" s="4" t="s">
        <v>375</v>
      </c>
      <c r="B146" s="6" t="s">
        <v>763</v>
      </c>
      <c r="C146" s="9">
        <v>447436200</v>
      </c>
      <c r="D146" s="9">
        <v>279382195</v>
      </c>
      <c r="E146" s="9">
        <v>25627579.43</v>
      </c>
      <c r="F146" s="9">
        <v>225193842.88999999</v>
      </c>
      <c r="G146" s="9" t="s">
        <v>765</v>
      </c>
      <c r="H146" s="9">
        <v>54188352.109999999</v>
      </c>
      <c r="I146" s="9">
        <v>25627579.43</v>
      </c>
      <c r="J146" s="9" t="s">
        <v>764</v>
      </c>
      <c r="K146" s="9" t="s">
        <v>660</v>
      </c>
      <c r="L146" s="9">
        <v>54188352.109999999</v>
      </c>
      <c r="M146" s="9">
        <v>0</v>
      </c>
    </row>
    <row r="147" spans="1:13" x14ac:dyDescent="0.25">
      <c r="A147" s="4" t="s">
        <v>377</v>
      </c>
      <c r="B147" s="6" t="s">
        <v>572</v>
      </c>
      <c r="C147" s="9">
        <v>162656100</v>
      </c>
      <c r="D147" s="9">
        <v>187356100</v>
      </c>
      <c r="E147" s="9">
        <v>27078379.289999999</v>
      </c>
      <c r="F147" s="9">
        <v>156048308.53999999</v>
      </c>
      <c r="G147" s="9" t="s">
        <v>767</v>
      </c>
      <c r="H147" s="9">
        <v>31307791.460000001</v>
      </c>
      <c r="I147" s="9">
        <v>27401581.390000001</v>
      </c>
      <c r="J147" s="9" t="s">
        <v>766</v>
      </c>
      <c r="K147" s="9" t="s">
        <v>768</v>
      </c>
      <c r="L147" s="9">
        <v>31307791.460000001</v>
      </c>
      <c r="M147" s="9">
        <v>0</v>
      </c>
    </row>
    <row r="148" spans="1:13" x14ac:dyDescent="0.25">
      <c r="A148" s="4" t="s">
        <v>379</v>
      </c>
      <c r="B148" s="6" t="s">
        <v>769</v>
      </c>
      <c r="C148" s="9">
        <v>37650000</v>
      </c>
      <c r="D148" s="9">
        <v>57645000</v>
      </c>
      <c r="E148" s="9">
        <v>6531116.3700000001</v>
      </c>
      <c r="F148" s="9">
        <v>41299824.520000003</v>
      </c>
      <c r="G148" s="9" t="s">
        <v>670</v>
      </c>
      <c r="H148" s="9">
        <v>16345175.48</v>
      </c>
      <c r="I148" s="9">
        <v>7403473.0099999998</v>
      </c>
      <c r="J148" s="9" t="s">
        <v>770</v>
      </c>
      <c r="K148" s="9" t="s">
        <v>771</v>
      </c>
      <c r="L148" s="9">
        <v>16345175.48</v>
      </c>
      <c r="M148" s="9">
        <v>0</v>
      </c>
    </row>
    <row r="149" spans="1:13" x14ac:dyDescent="0.25">
      <c r="A149" s="4" t="s">
        <v>381</v>
      </c>
      <c r="B149" s="6" t="s">
        <v>772</v>
      </c>
      <c r="C149" s="9">
        <v>33000000</v>
      </c>
      <c r="D149" s="9">
        <v>33000000</v>
      </c>
      <c r="E149" s="9">
        <v>-2750000</v>
      </c>
      <c r="F149" s="9">
        <v>30250000</v>
      </c>
      <c r="G149" s="9" t="s">
        <v>675</v>
      </c>
      <c r="H149" s="9">
        <v>2750000</v>
      </c>
      <c r="I149" s="9">
        <v>2750000</v>
      </c>
      <c r="J149" s="9" t="s">
        <v>773</v>
      </c>
      <c r="K149" s="9" t="s">
        <v>677</v>
      </c>
      <c r="L149" s="9">
        <v>2750000</v>
      </c>
      <c r="M149" s="9">
        <v>0</v>
      </c>
    </row>
    <row r="150" spans="1:13" x14ac:dyDescent="0.25">
      <c r="A150" s="4" t="s">
        <v>383</v>
      </c>
      <c r="B150" s="6" t="s">
        <v>509</v>
      </c>
      <c r="C150" s="9">
        <v>193320200</v>
      </c>
      <c r="D150" s="9">
        <v>386414596</v>
      </c>
      <c r="E150" s="9">
        <v>-3241095.43</v>
      </c>
      <c r="F150" s="9">
        <v>285811246.44</v>
      </c>
      <c r="G150" s="9" t="s">
        <v>775</v>
      </c>
      <c r="H150" s="9">
        <v>100603349.56</v>
      </c>
      <c r="I150" s="9">
        <v>5831158.2000000002</v>
      </c>
      <c r="J150" s="9" t="s">
        <v>774</v>
      </c>
      <c r="K150" s="9" t="s">
        <v>776</v>
      </c>
      <c r="L150" s="9">
        <v>100603349.56</v>
      </c>
      <c r="M150" s="9">
        <v>0</v>
      </c>
    </row>
    <row r="151" spans="1:13" x14ac:dyDescent="0.25">
      <c r="A151" s="5" t="s">
        <v>385</v>
      </c>
      <c r="B151" s="7" t="s">
        <v>777</v>
      </c>
      <c r="C151" s="8">
        <v>115917600</v>
      </c>
      <c r="D151" s="8">
        <v>0</v>
      </c>
      <c r="E151" s="8">
        <v>0</v>
      </c>
      <c r="F151" s="8">
        <v>0</v>
      </c>
      <c r="G151" s="8" t="s">
        <v>39</v>
      </c>
      <c r="H151" s="8">
        <v>0</v>
      </c>
      <c r="I151" s="8">
        <v>0</v>
      </c>
      <c r="J151" s="8" t="s">
        <v>39</v>
      </c>
      <c r="K151" s="8" t="s">
        <v>39</v>
      </c>
      <c r="L151" s="8">
        <v>0</v>
      </c>
      <c r="M151" s="8">
        <v>0</v>
      </c>
    </row>
    <row r="152" spans="1:13" x14ac:dyDescent="0.25">
      <c r="A152" s="4" t="s">
        <v>387</v>
      </c>
      <c r="B152" s="6" t="s">
        <v>778</v>
      </c>
      <c r="C152" s="9">
        <v>115917600</v>
      </c>
      <c r="D152" s="9">
        <v>0</v>
      </c>
      <c r="E152" s="9">
        <v>0</v>
      </c>
      <c r="F152" s="9">
        <v>0</v>
      </c>
      <c r="G152" s="9" t="s">
        <v>39</v>
      </c>
      <c r="H152" s="9">
        <v>0</v>
      </c>
      <c r="I152" s="9">
        <v>0</v>
      </c>
      <c r="J152" s="9" t="s">
        <v>39</v>
      </c>
      <c r="K152" s="9" t="s">
        <v>39</v>
      </c>
      <c r="L152" s="9">
        <v>0</v>
      </c>
      <c r="M152" s="9">
        <v>0</v>
      </c>
    </row>
    <row r="153" spans="1:13" x14ac:dyDescent="0.25">
      <c r="A153" s="5" t="s">
        <v>389</v>
      </c>
      <c r="B153" s="7" t="s">
        <v>779</v>
      </c>
      <c r="C153" s="8">
        <v>1861882800</v>
      </c>
      <c r="D153" s="8">
        <v>2206422270.1900001</v>
      </c>
      <c r="E153" s="8">
        <v>351997096.32999998</v>
      </c>
      <c r="F153" s="8">
        <v>2016234975.78</v>
      </c>
      <c r="G153" s="8" t="s">
        <v>780</v>
      </c>
      <c r="H153" s="8">
        <v>190187294.41</v>
      </c>
      <c r="I153" s="8">
        <v>413004053.19999999</v>
      </c>
      <c r="J153" s="8" t="s">
        <v>287</v>
      </c>
      <c r="K153" s="8" t="s">
        <v>781</v>
      </c>
      <c r="L153" s="8">
        <v>190189015.16999999</v>
      </c>
      <c r="M153" s="8">
        <v>1720.76</v>
      </c>
    </row>
    <row r="154" spans="1:13" x14ac:dyDescent="0.25">
      <c r="A154" s="5" t="s">
        <v>393</v>
      </c>
      <c r="B154" s="7" t="s">
        <v>475</v>
      </c>
      <c r="C154" s="8">
        <v>81780300</v>
      </c>
      <c r="D154" s="8">
        <v>98840300</v>
      </c>
      <c r="E154" s="8">
        <v>23197789.489999998</v>
      </c>
      <c r="F154" s="8">
        <v>96349798.719999999</v>
      </c>
      <c r="G154" s="8" t="s">
        <v>783</v>
      </c>
      <c r="H154" s="8">
        <v>2490501.2799999998</v>
      </c>
      <c r="I154" s="8">
        <v>23197789.489999998</v>
      </c>
      <c r="J154" s="8" t="s">
        <v>782</v>
      </c>
      <c r="K154" s="8" t="s">
        <v>784</v>
      </c>
      <c r="L154" s="8">
        <v>2490501.2799999998</v>
      </c>
      <c r="M154" s="8">
        <v>0</v>
      </c>
    </row>
    <row r="155" spans="1:13" x14ac:dyDescent="0.25">
      <c r="A155" s="4" t="s">
        <v>395</v>
      </c>
      <c r="B155" s="6" t="s">
        <v>479</v>
      </c>
      <c r="C155" s="9">
        <v>42280300</v>
      </c>
      <c r="D155" s="9">
        <v>46050300</v>
      </c>
      <c r="E155" s="9">
        <v>10530112.789999999</v>
      </c>
      <c r="F155" s="9">
        <v>43742653.469999999</v>
      </c>
      <c r="G155" s="9" t="s">
        <v>771</v>
      </c>
      <c r="H155" s="9">
        <v>2307646.5299999998</v>
      </c>
      <c r="I155" s="9">
        <v>10530112.789999999</v>
      </c>
      <c r="J155" s="9" t="s">
        <v>785</v>
      </c>
      <c r="K155" s="9" t="s">
        <v>666</v>
      </c>
      <c r="L155" s="9">
        <v>2307646.5299999998</v>
      </c>
      <c r="M155" s="9">
        <v>0</v>
      </c>
    </row>
    <row r="156" spans="1:13" x14ac:dyDescent="0.25">
      <c r="A156" s="4" t="s">
        <v>397</v>
      </c>
      <c r="B156" s="6" t="s">
        <v>483</v>
      </c>
      <c r="C156" s="9">
        <v>39500000</v>
      </c>
      <c r="D156" s="9">
        <v>52790000</v>
      </c>
      <c r="E156" s="9">
        <v>12667676.699999999</v>
      </c>
      <c r="F156" s="9">
        <v>52607145.25</v>
      </c>
      <c r="G156" s="9" t="s">
        <v>787</v>
      </c>
      <c r="H156" s="9">
        <v>182854.75</v>
      </c>
      <c r="I156" s="9">
        <v>12667676.699999999</v>
      </c>
      <c r="J156" s="9" t="s">
        <v>786</v>
      </c>
      <c r="K156" s="9" t="s">
        <v>788</v>
      </c>
      <c r="L156" s="9">
        <v>182854.75</v>
      </c>
      <c r="M156" s="9">
        <v>0</v>
      </c>
    </row>
    <row r="157" spans="1:13" x14ac:dyDescent="0.25">
      <c r="A157" s="5" t="s">
        <v>399</v>
      </c>
      <c r="B157" s="7" t="s">
        <v>487</v>
      </c>
      <c r="C157" s="8">
        <v>122430000</v>
      </c>
      <c r="D157" s="8">
        <v>136075082.06999999</v>
      </c>
      <c r="E157" s="8">
        <v>-418802.77</v>
      </c>
      <c r="F157" s="8">
        <v>131708864.59</v>
      </c>
      <c r="G157" s="8" t="s">
        <v>790</v>
      </c>
      <c r="H157" s="8">
        <v>4366217.4800000004</v>
      </c>
      <c r="I157" s="8">
        <v>28079175.670000002</v>
      </c>
      <c r="J157" s="8" t="s">
        <v>789</v>
      </c>
      <c r="K157" s="8" t="s">
        <v>492</v>
      </c>
      <c r="L157" s="8">
        <v>4366217.4800000004</v>
      </c>
      <c r="M157" s="8">
        <v>0</v>
      </c>
    </row>
    <row r="158" spans="1:13" x14ac:dyDescent="0.25">
      <c r="A158" s="4" t="s">
        <v>401</v>
      </c>
      <c r="B158" s="6" t="s">
        <v>491</v>
      </c>
      <c r="C158" s="9">
        <v>0</v>
      </c>
      <c r="D158" s="9">
        <v>0</v>
      </c>
      <c r="E158" s="9">
        <v>0</v>
      </c>
      <c r="F158" s="9">
        <v>0</v>
      </c>
      <c r="G158" s="9" t="s">
        <v>39</v>
      </c>
      <c r="H158" s="9">
        <v>0</v>
      </c>
      <c r="I158" s="9">
        <v>0</v>
      </c>
      <c r="J158" s="9" t="s">
        <v>39</v>
      </c>
      <c r="K158" s="9" t="s">
        <v>39</v>
      </c>
      <c r="L158" s="9">
        <v>0</v>
      </c>
      <c r="M158" s="9">
        <v>0</v>
      </c>
    </row>
    <row r="159" spans="1:13" x14ac:dyDescent="0.25">
      <c r="A159" s="4" t="s">
        <v>403</v>
      </c>
      <c r="B159" s="6" t="s">
        <v>495</v>
      </c>
      <c r="C159" s="9">
        <v>122430000</v>
      </c>
      <c r="D159" s="9">
        <v>136075082.06999999</v>
      </c>
      <c r="E159" s="9">
        <v>-418802.77</v>
      </c>
      <c r="F159" s="9">
        <v>131708864.59</v>
      </c>
      <c r="G159" s="9" t="s">
        <v>790</v>
      </c>
      <c r="H159" s="9">
        <v>4366217.4800000004</v>
      </c>
      <c r="I159" s="9">
        <v>28079175.670000002</v>
      </c>
      <c r="J159" s="9" t="s">
        <v>789</v>
      </c>
      <c r="K159" s="9" t="s">
        <v>492</v>
      </c>
      <c r="L159" s="9">
        <v>4366217.4800000004</v>
      </c>
      <c r="M159" s="9">
        <v>0</v>
      </c>
    </row>
    <row r="160" spans="1:13" x14ac:dyDescent="0.25">
      <c r="A160" s="5" t="s">
        <v>405</v>
      </c>
      <c r="B160" s="7" t="s">
        <v>511</v>
      </c>
      <c r="C160" s="8">
        <v>87620700</v>
      </c>
      <c r="D160" s="8">
        <v>80143331.799999997</v>
      </c>
      <c r="E160" s="8">
        <v>18214175.940000001</v>
      </c>
      <c r="F160" s="8">
        <v>79134421.590000004</v>
      </c>
      <c r="G160" s="8" t="s">
        <v>591</v>
      </c>
      <c r="H160" s="8">
        <v>1008910.21</v>
      </c>
      <c r="I160" s="8">
        <v>18214205.940000001</v>
      </c>
      <c r="J160" s="8" t="s">
        <v>791</v>
      </c>
      <c r="K160" s="8" t="s">
        <v>792</v>
      </c>
      <c r="L160" s="8">
        <v>1008910.21</v>
      </c>
      <c r="M160" s="8">
        <v>0</v>
      </c>
    </row>
    <row r="161" spans="1:13" x14ac:dyDescent="0.25">
      <c r="A161" s="4" t="s">
        <v>407</v>
      </c>
      <c r="B161" s="6" t="s">
        <v>515</v>
      </c>
      <c r="C161" s="9">
        <v>41772000</v>
      </c>
      <c r="D161" s="9">
        <v>40221000</v>
      </c>
      <c r="E161" s="9">
        <v>9942999.9499999993</v>
      </c>
      <c r="F161" s="9">
        <v>39939817.439999998</v>
      </c>
      <c r="G161" s="9" t="s">
        <v>681</v>
      </c>
      <c r="H161" s="9">
        <v>281182.56</v>
      </c>
      <c r="I161" s="9">
        <v>9943029.9499999993</v>
      </c>
      <c r="J161" s="9" t="s">
        <v>793</v>
      </c>
      <c r="K161" s="9" t="s">
        <v>648</v>
      </c>
      <c r="L161" s="9">
        <v>281182.56</v>
      </c>
      <c r="M161" s="9">
        <v>0</v>
      </c>
    </row>
    <row r="162" spans="1:13" x14ac:dyDescent="0.25">
      <c r="A162" s="4" t="s">
        <v>409</v>
      </c>
      <c r="B162" s="6" t="s">
        <v>519</v>
      </c>
      <c r="C162" s="9">
        <v>11575700</v>
      </c>
      <c r="D162" s="9">
        <v>13333900</v>
      </c>
      <c r="E162" s="9">
        <v>2659595.23</v>
      </c>
      <c r="F162" s="9">
        <v>12851598.66</v>
      </c>
      <c r="G162" s="9" t="s">
        <v>522</v>
      </c>
      <c r="H162" s="9">
        <v>482301.34</v>
      </c>
      <c r="I162" s="9">
        <v>2659595.23</v>
      </c>
      <c r="J162" s="9" t="s">
        <v>794</v>
      </c>
      <c r="K162" s="9" t="s">
        <v>522</v>
      </c>
      <c r="L162" s="9">
        <v>482301.34</v>
      </c>
      <c r="M162" s="9">
        <v>0</v>
      </c>
    </row>
    <row r="163" spans="1:13" x14ac:dyDescent="0.25">
      <c r="A163" s="4" t="s">
        <v>411</v>
      </c>
      <c r="B163" s="6" t="s">
        <v>495</v>
      </c>
      <c r="C163" s="9">
        <v>0</v>
      </c>
      <c r="D163" s="9">
        <v>0</v>
      </c>
      <c r="E163" s="9">
        <v>0</v>
      </c>
      <c r="F163" s="9">
        <v>0</v>
      </c>
      <c r="G163" s="9" t="s">
        <v>39</v>
      </c>
      <c r="H163" s="9">
        <v>0</v>
      </c>
      <c r="I163" s="9">
        <v>0</v>
      </c>
      <c r="J163" s="9" t="s">
        <v>39</v>
      </c>
      <c r="K163" s="9" t="s">
        <v>39</v>
      </c>
      <c r="L163" s="9">
        <v>0</v>
      </c>
      <c r="M163" s="9">
        <v>0</v>
      </c>
    </row>
    <row r="164" spans="1:13" x14ac:dyDescent="0.25">
      <c r="A164" s="4" t="s">
        <v>413</v>
      </c>
      <c r="B164" s="6" t="s">
        <v>503</v>
      </c>
      <c r="C164" s="9">
        <v>175000</v>
      </c>
      <c r="D164" s="9">
        <v>30000</v>
      </c>
      <c r="E164" s="9">
        <v>0</v>
      </c>
      <c r="F164" s="9">
        <v>0</v>
      </c>
      <c r="G164" s="9" t="s">
        <v>39</v>
      </c>
      <c r="H164" s="9">
        <v>30000</v>
      </c>
      <c r="I164" s="9">
        <v>0</v>
      </c>
      <c r="J164" s="9" t="s">
        <v>39</v>
      </c>
      <c r="K164" s="9" t="s">
        <v>39</v>
      </c>
      <c r="L164" s="9">
        <v>30000</v>
      </c>
      <c r="M164" s="9">
        <v>0</v>
      </c>
    </row>
    <row r="165" spans="1:13" x14ac:dyDescent="0.25">
      <c r="A165" s="4" t="s">
        <v>415</v>
      </c>
      <c r="B165" s="6" t="s">
        <v>526</v>
      </c>
      <c r="C165" s="9">
        <v>34098000</v>
      </c>
      <c r="D165" s="9">
        <v>26558431.800000001</v>
      </c>
      <c r="E165" s="9">
        <v>5611580.7599999998</v>
      </c>
      <c r="F165" s="9">
        <v>26343005.489999998</v>
      </c>
      <c r="G165" s="9" t="s">
        <v>502</v>
      </c>
      <c r="H165" s="9">
        <v>215426.31</v>
      </c>
      <c r="I165" s="9">
        <v>5611580.7599999998</v>
      </c>
      <c r="J165" s="9" t="s">
        <v>795</v>
      </c>
      <c r="K165" s="9" t="s">
        <v>796</v>
      </c>
      <c r="L165" s="9">
        <v>215426.31</v>
      </c>
      <c r="M165" s="9">
        <v>0</v>
      </c>
    </row>
    <row r="166" spans="1:13" x14ac:dyDescent="0.25">
      <c r="A166" s="5" t="s">
        <v>417</v>
      </c>
      <c r="B166" s="7" t="s">
        <v>533</v>
      </c>
      <c r="C166" s="8">
        <v>265456800</v>
      </c>
      <c r="D166" s="8">
        <v>429732843.56</v>
      </c>
      <c r="E166" s="8">
        <v>54952748.759999998</v>
      </c>
      <c r="F166" s="8">
        <v>334747146.25999999</v>
      </c>
      <c r="G166" s="8" t="s">
        <v>798</v>
      </c>
      <c r="H166" s="8">
        <v>94985697.299999997</v>
      </c>
      <c r="I166" s="8">
        <v>55572216.390000001</v>
      </c>
      <c r="J166" s="8" t="s">
        <v>797</v>
      </c>
      <c r="K166" s="8" t="s">
        <v>799</v>
      </c>
      <c r="L166" s="8">
        <v>94985697.299999997</v>
      </c>
      <c r="M166" s="8">
        <v>0</v>
      </c>
    </row>
    <row r="167" spans="1:13" x14ac:dyDescent="0.25">
      <c r="A167" s="4" t="s">
        <v>419</v>
      </c>
      <c r="B167" s="6" t="s">
        <v>495</v>
      </c>
      <c r="C167" s="9">
        <v>22362400</v>
      </c>
      <c r="D167" s="9">
        <v>26849457.489999998</v>
      </c>
      <c r="E167" s="9">
        <v>4623374.1399999997</v>
      </c>
      <c r="F167" s="9">
        <v>20575716.649999999</v>
      </c>
      <c r="G167" s="9" t="s">
        <v>801</v>
      </c>
      <c r="H167" s="9">
        <v>6273740.8399999999</v>
      </c>
      <c r="I167" s="9">
        <v>5242841.7699999996</v>
      </c>
      <c r="J167" s="9" t="s">
        <v>800</v>
      </c>
      <c r="K167" s="9" t="s">
        <v>631</v>
      </c>
      <c r="L167" s="9">
        <v>6273740.8399999999</v>
      </c>
      <c r="M167" s="9">
        <v>0</v>
      </c>
    </row>
    <row r="168" spans="1:13" x14ac:dyDescent="0.25">
      <c r="A168" s="4" t="s">
        <v>421</v>
      </c>
      <c r="B168" s="6" t="s">
        <v>540</v>
      </c>
      <c r="C168" s="9">
        <v>240754400</v>
      </c>
      <c r="D168" s="9">
        <v>400308328.60000002</v>
      </c>
      <c r="E168" s="9">
        <v>49719698.869999997</v>
      </c>
      <c r="F168" s="9">
        <v>311630770.16000003</v>
      </c>
      <c r="G168" s="9" t="s">
        <v>803</v>
      </c>
      <c r="H168" s="9">
        <v>88677558.439999998</v>
      </c>
      <c r="I168" s="9">
        <v>49719698.869999997</v>
      </c>
      <c r="J168" s="9" t="s">
        <v>802</v>
      </c>
      <c r="K168" s="9" t="s">
        <v>804</v>
      </c>
      <c r="L168" s="9">
        <v>88677558.439999998</v>
      </c>
      <c r="M168" s="9">
        <v>0</v>
      </c>
    </row>
    <row r="169" spans="1:13" x14ac:dyDescent="0.25">
      <c r="A169" s="4" t="s">
        <v>422</v>
      </c>
      <c r="B169" s="6" t="s">
        <v>544</v>
      </c>
      <c r="C169" s="9">
        <v>2340000</v>
      </c>
      <c r="D169" s="9">
        <v>2575057.4700000002</v>
      </c>
      <c r="E169" s="9">
        <v>609675.75</v>
      </c>
      <c r="F169" s="9">
        <v>2540659.4500000002</v>
      </c>
      <c r="G169" s="9" t="s">
        <v>507</v>
      </c>
      <c r="H169" s="9">
        <v>34398.019999999997</v>
      </c>
      <c r="I169" s="9">
        <v>609675.75</v>
      </c>
      <c r="J169" s="9" t="s">
        <v>805</v>
      </c>
      <c r="K169" s="9" t="s">
        <v>507</v>
      </c>
      <c r="L169" s="9">
        <v>34398.019999999997</v>
      </c>
      <c r="M169" s="9">
        <v>0</v>
      </c>
    </row>
    <row r="170" spans="1:13" x14ac:dyDescent="0.25">
      <c r="A170" s="5" t="s">
        <v>423</v>
      </c>
      <c r="B170" s="7" t="s">
        <v>549</v>
      </c>
      <c r="C170" s="8">
        <v>295514300</v>
      </c>
      <c r="D170" s="8">
        <v>523346870.43000001</v>
      </c>
      <c r="E170" s="8">
        <v>95080103.489999995</v>
      </c>
      <c r="F170" s="8">
        <v>516170032.32999998</v>
      </c>
      <c r="G170" s="8" t="s">
        <v>807</v>
      </c>
      <c r="H170" s="8">
        <v>7176838.0999999996</v>
      </c>
      <c r="I170" s="8">
        <v>124457655.51000001</v>
      </c>
      <c r="J170" s="8" t="s">
        <v>806</v>
      </c>
      <c r="K170" s="8" t="s">
        <v>808</v>
      </c>
      <c r="L170" s="8">
        <v>7176838.0999999996</v>
      </c>
      <c r="M170" s="8">
        <v>0</v>
      </c>
    </row>
    <row r="171" spans="1:13" x14ac:dyDescent="0.25">
      <c r="A171" s="4" t="s">
        <v>424</v>
      </c>
      <c r="B171" s="6" t="s">
        <v>553</v>
      </c>
      <c r="C171" s="9">
        <v>295514300</v>
      </c>
      <c r="D171" s="9">
        <v>523346870.43000001</v>
      </c>
      <c r="E171" s="9">
        <v>95080103.489999995</v>
      </c>
      <c r="F171" s="9">
        <v>516170032.32999998</v>
      </c>
      <c r="G171" s="9" t="s">
        <v>807</v>
      </c>
      <c r="H171" s="9">
        <v>7176838.0999999996</v>
      </c>
      <c r="I171" s="9">
        <v>124457655.51000001</v>
      </c>
      <c r="J171" s="9" t="s">
        <v>806</v>
      </c>
      <c r="K171" s="9" t="s">
        <v>808</v>
      </c>
      <c r="L171" s="9">
        <v>7176838.0999999996</v>
      </c>
      <c r="M171" s="9">
        <v>0</v>
      </c>
    </row>
    <row r="172" spans="1:13" x14ac:dyDescent="0.25">
      <c r="A172" s="5" t="s">
        <v>425</v>
      </c>
      <c r="B172" s="7" t="s">
        <v>560</v>
      </c>
      <c r="C172" s="8">
        <v>7035700</v>
      </c>
      <c r="D172" s="8">
        <v>8692875</v>
      </c>
      <c r="E172" s="8">
        <v>1986599.55</v>
      </c>
      <c r="F172" s="8">
        <v>8253317.0700000003</v>
      </c>
      <c r="G172" s="8" t="s">
        <v>524</v>
      </c>
      <c r="H172" s="8">
        <v>439557.93</v>
      </c>
      <c r="I172" s="8">
        <v>2076274.72</v>
      </c>
      <c r="J172" s="8" t="s">
        <v>809</v>
      </c>
      <c r="K172" s="8" t="s">
        <v>524</v>
      </c>
      <c r="L172" s="8">
        <v>439557.93</v>
      </c>
      <c r="M172" s="8">
        <v>0</v>
      </c>
    </row>
    <row r="173" spans="1:13" x14ac:dyDescent="0.25">
      <c r="A173" s="4" t="s">
        <v>426</v>
      </c>
      <c r="B173" s="6" t="s">
        <v>565</v>
      </c>
      <c r="C173" s="9">
        <v>7035700</v>
      </c>
      <c r="D173" s="9">
        <v>8692875</v>
      </c>
      <c r="E173" s="9">
        <v>1986599.55</v>
      </c>
      <c r="F173" s="9">
        <v>8253317.0700000003</v>
      </c>
      <c r="G173" s="9" t="s">
        <v>524</v>
      </c>
      <c r="H173" s="9">
        <v>439557.93</v>
      </c>
      <c r="I173" s="9">
        <v>2076274.72</v>
      </c>
      <c r="J173" s="9" t="s">
        <v>809</v>
      </c>
      <c r="K173" s="9" t="s">
        <v>524</v>
      </c>
      <c r="L173" s="9">
        <v>439557.93</v>
      </c>
      <c r="M173" s="9">
        <v>0</v>
      </c>
    </row>
    <row r="174" spans="1:13" x14ac:dyDescent="0.25">
      <c r="A174" s="5" t="s">
        <v>427</v>
      </c>
      <c r="B174" s="7" t="s">
        <v>574</v>
      </c>
      <c r="C174" s="8">
        <v>45000</v>
      </c>
      <c r="D174" s="8">
        <v>335321</v>
      </c>
      <c r="E174" s="8">
        <v>7446.53</v>
      </c>
      <c r="F174" s="8">
        <v>164458.38</v>
      </c>
      <c r="G174" s="8" t="s">
        <v>39</v>
      </c>
      <c r="H174" s="8">
        <v>170862.62</v>
      </c>
      <c r="I174" s="8">
        <v>10944.45</v>
      </c>
      <c r="J174" s="8" t="s">
        <v>810</v>
      </c>
      <c r="K174" s="8" t="s">
        <v>39</v>
      </c>
      <c r="L174" s="8">
        <v>170862.62</v>
      </c>
      <c r="M174" s="8">
        <v>0</v>
      </c>
    </row>
    <row r="175" spans="1:13" x14ac:dyDescent="0.25">
      <c r="A175" s="4" t="s">
        <v>428</v>
      </c>
      <c r="B175" s="6" t="s">
        <v>578</v>
      </c>
      <c r="C175" s="9">
        <v>45000</v>
      </c>
      <c r="D175" s="9">
        <v>335321</v>
      </c>
      <c r="E175" s="9">
        <v>7446.53</v>
      </c>
      <c r="F175" s="9">
        <v>164458.38</v>
      </c>
      <c r="G175" s="9" t="s">
        <v>39</v>
      </c>
      <c r="H175" s="9">
        <v>170862.62</v>
      </c>
      <c r="I175" s="9">
        <v>10944.45</v>
      </c>
      <c r="J175" s="9" t="s">
        <v>810</v>
      </c>
      <c r="K175" s="9" t="s">
        <v>39</v>
      </c>
      <c r="L175" s="9">
        <v>170862.62</v>
      </c>
      <c r="M175" s="9">
        <v>0</v>
      </c>
    </row>
    <row r="176" spans="1:13" x14ac:dyDescent="0.25">
      <c r="A176" s="5" t="s">
        <v>429</v>
      </c>
      <c r="B176" s="7" t="s">
        <v>579</v>
      </c>
      <c r="C176" s="8">
        <v>51593600</v>
      </c>
      <c r="D176" s="8">
        <v>96135412.349999994</v>
      </c>
      <c r="E176" s="8">
        <v>26086338.640000001</v>
      </c>
      <c r="F176" s="8">
        <v>88711845.180000007</v>
      </c>
      <c r="G176" s="8" t="s">
        <v>812</v>
      </c>
      <c r="H176" s="8">
        <v>7423567.1699999999</v>
      </c>
      <c r="I176" s="8">
        <v>26575299.129999999</v>
      </c>
      <c r="J176" s="8" t="s">
        <v>811</v>
      </c>
      <c r="K176" s="8" t="s">
        <v>813</v>
      </c>
      <c r="L176" s="8">
        <v>7423567.1699999999</v>
      </c>
      <c r="M176" s="8">
        <v>0</v>
      </c>
    </row>
    <row r="177" spans="1:13" x14ac:dyDescent="0.25">
      <c r="A177" s="4" t="s">
        <v>431</v>
      </c>
      <c r="B177" s="6" t="s">
        <v>495</v>
      </c>
      <c r="C177" s="9">
        <v>51573600</v>
      </c>
      <c r="D177" s="9">
        <v>96135412.349999994</v>
      </c>
      <c r="E177" s="9">
        <v>26086338.640000001</v>
      </c>
      <c r="F177" s="9">
        <v>88711845.180000007</v>
      </c>
      <c r="G177" s="9" t="s">
        <v>812</v>
      </c>
      <c r="H177" s="9">
        <v>7423567.1699999999</v>
      </c>
      <c r="I177" s="9">
        <v>26575299.129999999</v>
      </c>
      <c r="J177" s="9" t="s">
        <v>811</v>
      </c>
      <c r="K177" s="9" t="s">
        <v>813</v>
      </c>
      <c r="L177" s="9">
        <v>7423567.1699999999</v>
      </c>
      <c r="M177" s="9">
        <v>0</v>
      </c>
    </row>
    <row r="178" spans="1:13" x14ac:dyDescent="0.25">
      <c r="A178" s="4" t="s">
        <v>433</v>
      </c>
      <c r="B178" s="6" t="s">
        <v>588</v>
      </c>
      <c r="C178" s="9">
        <v>20000</v>
      </c>
      <c r="D178" s="9">
        <v>0</v>
      </c>
      <c r="E178" s="9">
        <v>0</v>
      </c>
      <c r="F178" s="9">
        <v>0</v>
      </c>
      <c r="G178" s="9" t="s">
        <v>39</v>
      </c>
      <c r="H178" s="9">
        <v>0</v>
      </c>
      <c r="I178" s="9">
        <v>0</v>
      </c>
      <c r="J178" s="9" t="s">
        <v>39</v>
      </c>
      <c r="K178" s="9" t="s">
        <v>39</v>
      </c>
      <c r="L178" s="9">
        <v>0</v>
      </c>
      <c r="M178" s="9">
        <v>0</v>
      </c>
    </row>
    <row r="179" spans="1:13" x14ac:dyDescent="0.25">
      <c r="A179" s="4" t="s">
        <v>435</v>
      </c>
      <c r="B179" s="6" t="s">
        <v>592</v>
      </c>
      <c r="C179" s="9">
        <v>0</v>
      </c>
      <c r="D179" s="9">
        <v>0</v>
      </c>
      <c r="E179" s="9">
        <v>0</v>
      </c>
      <c r="F179" s="9">
        <v>0</v>
      </c>
      <c r="G179" s="9" t="s">
        <v>39</v>
      </c>
      <c r="H179" s="9">
        <v>0</v>
      </c>
      <c r="I179" s="9">
        <v>0</v>
      </c>
      <c r="J179" s="9" t="s">
        <v>39</v>
      </c>
      <c r="K179" s="9" t="s">
        <v>39</v>
      </c>
      <c r="L179" s="9">
        <v>0</v>
      </c>
      <c r="M179" s="9">
        <v>0</v>
      </c>
    </row>
    <row r="180" spans="1:13" x14ac:dyDescent="0.25">
      <c r="A180" s="4" t="s">
        <v>437</v>
      </c>
      <c r="B180" s="6" t="s">
        <v>601</v>
      </c>
      <c r="C180" s="9">
        <v>0</v>
      </c>
      <c r="D180" s="9">
        <v>0</v>
      </c>
      <c r="E180" s="9">
        <v>0</v>
      </c>
      <c r="F180" s="9">
        <v>0</v>
      </c>
      <c r="G180" s="9" t="s">
        <v>39</v>
      </c>
      <c r="H180" s="9">
        <v>0</v>
      </c>
      <c r="I180" s="9">
        <v>0</v>
      </c>
      <c r="J180" s="9" t="s">
        <v>39</v>
      </c>
      <c r="K180" s="9" t="s">
        <v>39</v>
      </c>
      <c r="L180" s="9">
        <v>0</v>
      </c>
      <c r="M180" s="9">
        <v>0</v>
      </c>
    </row>
    <row r="181" spans="1:13" x14ac:dyDescent="0.25">
      <c r="A181" s="5" t="s">
        <v>440</v>
      </c>
      <c r="B181" s="7" t="s">
        <v>613</v>
      </c>
      <c r="C181" s="8">
        <v>2201300</v>
      </c>
      <c r="D181" s="8">
        <v>2389398.2599999998</v>
      </c>
      <c r="E181" s="8">
        <v>486281.53</v>
      </c>
      <c r="F181" s="8">
        <v>2067696.69</v>
      </c>
      <c r="G181" s="8" t="s">
        <v>504</v>
      </c>
      <c r="H181" s="8">
        <v>321701.57</v>
      </c>
      <c r="I181" s="8">
        <v>486682.11</v>
      </c>
      <c r="J181" s="8" t="s">
        <v>814</v>
      </c>
      <c r="K181" s="8" t="s">
        <v>504</v>
      </c>
      <c r="L181" s="8">
        <v>321701.57</v>
      </c>
      <c r="M181" s="8">
        <v>0</v>
      </c>
    </row>
    <row r="182" spans="1:13" x14ac:dyDescent="0.25">
      <c r="A182" s="4" t="s">
        <v>442</v>
      </c>
      <c r="B182" s="6" t="s">
        <v>495</v>
      </c>
      <c r="C182" s="9">
        <v>2201300</v>
      </c>
      <c r="D182" s="9">
        <v>2389398.2599999998</v>
      </c>
      <c r="E182" s="9">
        <v>486281.53</v>
      </c>
      <c r="F182" s="9">
        <v>2067696.69</v>
      </c>
      <c r="G182" s="9" t="s">
        <v>504</v>
      </c>
      <c r="H182" s="9">
        <v>321701.57</v>
      </c>
      <c r="I182" s="9">
        <v>486682.11</v>
      </c>
      <c r="J182" s="9" t="s">
        <v>814</v>
      </c>
      <c r="K182" s="9" t="s">
        <v>504</v>
      </c>
      <c r="L182" s="9">
        <v>321701.57</v>
      </c>
      <c r="M182" s="9">
        <v>0</v>
      </c>
    </row>
    <row r="183" spans="1:13" x14ac:dyDescent="0.25">
      <c r="A183" s="5" t="s">
        <v>444</v>
      </c>
      <c r="B183" s="7" t="s">
        <v>620</v>
      </c>
      <c r="C183" s="8">
        <v>206709300</v>
      </c>
      <c r="D183" s="8">
        <v>637349909.82000005</v>
      </c>
      <c r="E183" s="8">
        <v>104988558.48</v>
      </c>
      <c r="F183" s="8">
        <v>600637364.59000003</v>
      </c>
      <c r="G183" s="8" t="s">
        <v>816</v>
      </c>
      <c r="H183" s="8">
        <v>36712545.229999997</v>
      </c>
      <c r="I183" s="8">
        <v>105096074.87</v>
      </c>
      <c r="J183" s="8" t="s">
        <v>815</v>
      </c>
      <c r="K183" s="8" t="s">
        <v>817</v>
      </c>
      <c r="L183" s="8">
        <v>36712545.229999997</v>
      </c>
      <c r="M183" s="8">
        <v>0</v>
      </c>
    </row>
    <row r="184" spans="1:13" x14ac:dyDescent="0.25">
      <c r="A184" s="4" t="s">
        <v>446</v>
      </c>
      <c r="B184" s="6" t="s">
        <v>495</v>
      </c>
      <c r="C184" s="9">
        <v>206709300</v>
      </c>
      <c r="D184" s="9">
        <v>637349909.82000005</v>
      </c>
      <c r="E184" s="9">
        <v>104988558.48</v>
      </c>
      <c r="F184" s="9">
        <v>600637364.59000003</v>
      </c>
      <c r="G184" s="9" t="s">
        <v>816</v>
      </c>
      <c r="H184" s="9">
        <v>36712545.229999997</v>
      </c>
      <c r="I184" s="9">
        <v>105096074.87</v>
      </c>
      <c r="J184" s="9" t="s">
        <v>815</v>
      </c>
      <c r="K184" s="9" t="s">
        <v>817</v>
      </c>
      <c r="L184" s="9">
        <v>36712545.229999997</v>
      </c>
      <c r="M184" s="9">
        <v>0</v>
      </c>
    </row>
    <row r="185" spans="1:13" x14ac:dyDescent="0.25">
      <c r="A185" s="5" t="s">
        <v>448</v>
      </c>
      <c r="B185" s="7" t="s">
        <v>647</v>
      </c>
      <c r="C185" s="8">
        <v>1015300</v>
      </c>
      <c r="D185" s="8">
        <v>1586466.83</v>
      </c>
      <c r="E185" s="8">
        <v>318852.44</v>
      </c>
      <c r="F185" s="8">
        <v>1574581.2</v>
      </c>
      <c r="G185" s="8" t="s">
        <v>504</v>
      </c>
      <c r="H185" s="8">
        <v>11885.63</v>
      </c>
      <c r="I185" s="8">
        <v>318852.44</v>
      </c>
      <c r="J185" s="8" t="s">
        <v>818</v>
      </c>
      <c r="K185" s="8" t="s">
        <v>504</v>
      </c>
      <c r="L185" s="8">
        <v>11885.63</v>
      </c>
      <c r="M185" s="8">
        <v>0</v>
      </c>
    </row>
    <row r="186" spans="1:13" x14ac:dyDescent="0.25">
      <c r="A186" s="4" t="s">
        <v>450</v>
      </c>
      <c r="B186" s="6" t="s">
        <v>650</v>
      </c>
      <c r="C186" s="9">
        <v>1015300</v>
      </c>
      <c r="D186" s="9">
        <v>1586466.83</v>
      </c>
      <c r="E186" s="9">
        <v>318852.44</v>
      </c>
      <c r="F186" s="9">
        <v>1574581.2</v>
      </c>
      <c r="G186" s="9" t="s">
        <v>504</v>
      </c>
      <c r="H186" s="9">
        <v>11885.63</v>
      </c>
      <c r="I186" s="9">
        <v>318852.44</v>
      </c>
      <c r="J186" s="9" t="s">
        <v>818</v>
      </c>
      <c r="K186" s="9" t="s">
        <v>504</v>
      </c>
      <c r="L186" s="9">
        <v>11885.63</v>
      </c>
      <c r="M186" s="9">
        <v>0</v>
      </c>
    </row>
    <row r="187" spans="1:13" x14ac:dyDescent="0.25">
      <c r="A187" s="5" t="s">
        <v>452</v>
      </c>
      <c r="B187" s="7" t="s">
        <v>653</v>
      </c>
      <c r="C187" s="8">
        <v>45337200</v>
      </c>
      <c r="D187" s="8">
        <v>47929128.009999998</v>
      </c>
      <c r="E187" s="8">
        <v>6889444.1900000004</v>
      </c>
      <c r="F187" s="8">
        <v>41553269.200000003</v>
      </c>
      <c r="G187" s="8" t="s">
        <v>670</v>
      </c>
      <c r="H187" s="8">
        <v>6375858.8099999996</v>
      </c>
      <c r="I187" s="8">
        <v>8080808.0499999998</v>
      </c>
      <c r="J187" s="8" t="s">
        <v>819</v>
      </c>
      <c r="K187" s="8" t="s">
        <v>648</v>
      </c>
      <c r="L187" s="8">
        <v>6375858.8099999996</v>
      </c>
      <c r="M187" s="8">
        <v>0</v>
      </c>
    </row>
    <row r="188" spans="1:13" x14ac:dyDescent="0.25">
      <c r="A188" s="4" t="s">
        <v>454</v>
      </c>
      <c r="B188" s="6" t="s">
        <v>657</v>
      </c>
      <c r="C188" s="9">
        <v>478000</v>
      </c>
      <c r="D188" s="9">
        <v>702850.71</v>
      </c>
      <c r="E188" s="9">
        <v>152242.48000000001</v>
      </c>
      <c r="F188" s="9">
        <v>684925.3</v>
      </c>
      <c r="G188" s="9" t="s">
        <v>39</v>
      </c>
      <c r="H188" s="9">
        <v>17925.41</v>
      </c>
      <c r="I188" s="9">
        <v>152242.48000000001</v>
      </c>
      <c r="J188" s="9" t="s">
        <v>820</v>
      </c>
      <c r="K188" s="9" t="s">
        <v>39</v>
      </c>
      <c r="L188" s="9">
        <v>17925.41</v>
      </c>
      <c r="M188" s="9">
        <v>0</v>
      </c>
    </row>
    <row r="189" spans="1:13" x14ac:dyDescent="0.25">
      <c r="A189" s="4" t="s">
        <v>456</v>
      </c>
      <c r="B189" s="6" t="s">
        <v>659</v>
      </c>
      <c r="C189" s="9">
        <v>44859200</v>
      </c>
      <c r="D189" s="9">
        <v>47226277.299999997</v>
      </c>
      <c r="E189" s="9">
        <v>6737201.71</v>
      </c>
      <c r="F189" s="9">
        <v>40868343.899999999</v>
      </c>
      <c r="G189" s="9" t="s">
        <v>670</v>
      </c>
      <c r="H189" s="9">
        <v>6357933.4000000004</v>
      </c>
      <c r="I189" s="9">
        <v>7928565.5700000003</v>
      </c>
      <c r="J189" s="9" t="s">
        <v>821</v>
      </c>
      <c r="K189" s="9" t="s">
        <v>648</v>
      </c>
      <c r="L189" s="9">
        <v>6357933.4000000004</v>
      </c>
      <c r="M189" s="9">
        <v>0</v>
      </c>
    </row>
    <row r="190" spans="1:13" x14ac:dyDescent="0.25">
      <c r="A190" s="5" t="s">
        <v>458</v>
      </c>
      <c r="B190" s="7" t="s">
        <v>669</v>
      </c>
      <c r="C190" s="8">
        <v>1017500</v>
      </c>
      <c r="D190" s="8">
        <v>1220182.81</v>
      </c>
      <c r="E190" s="8">
        <v>249790.37</v>
      </c>
      <c r="F190" s="8">
        <v>1207338.42</v>
      </c>
      <c r="G190" s="8" t="s">
        <v>504</v>
      </c>
      <c r="H190" s="8">
        <v>12844.39</v>
      </c>
      <c r="I190" s="8">
        <v>249790.37</v>
      </c>
      <c r="J190" s="8" t="s">
        <v>822</v>
      </c>
      <c r="K190" s="8" t="s">
        <v>504</v>
      </c>
      <c r="L190" s="8">
        <v>12844.39</v>
      </c>
      <c r="M190" s="8">
        <v>0</v>
      </c>
    </row>
    <row r="191" spans="1:13" x14ac:dyDescent="0.25">
      <c r="A191" s="4" t="s">
        <v>823</v>
      </c>
      <c r="B191" s="6" t="s">
        <v>495</v>
      </c>
      <c r="C191" s="9">
        <v>1017500</v>
      </c>
      <c r="D191" s="9">
        <v>1220182.81</v>
      </c>
      <c r="E191" s="9">
        <v>249790.37</v>
      </c>
      <c r="F191" s="9">
        <v>1207338.42</v>
      </c>
      <c r="G191" s="9" t="s">
        <v>504</v>
      </c>
      <c r="H191" s="9">
        <v>12844.39</v>
      </c>
      <c r="I191" s="9">
        <v>249790.37</v>
      </c>
      <c r="J191" s="9" t="s">
        <v>822</v>
      </c>
      <c r="K191" s="9" t="s">
        <v>504</v>
      </c>
      <c r="L191" s="9">
        <v>12844.39</v>
      </c>
      <c r="M191" s="9">
        <v>0</v>
      </c>
    </row>
    <row r="192" spans="1:13" x14ac:dyDescent="0.25">
      <c r="A192" s="4" t="s">
        <v>824</v>
      </c>
      <c r="B192" s="6" t="s">
        <v>674</v>
      </c>
      <c r="C192" s="9">
        <v>0</v>
      </c>
      <c r="D192" s="9">
        <v>0</v>
      </c>
      <c r="E192" s="9">
        <v>0</v>
      </c>
      <c r="F192" s="9">
        <v>0</v>
      </c>
      <c r="G192" s="9" t="s">
        <v>39</v>
      </c>
      <c r="H192" s="9">
        <v>0</v>
      </c>
      <c r="I192" s="9">
        <v>0</v>
      </c>
      <c r="J192" s="9" t="s">
        <v>39</v>
      </c>
      <c r="K192" s="9" t="s">
        <v>39</v>
      </c>
      <c r="L192" s="9">
        <v>0</v>
      </c>
      <c r="M192" s="9">
        <v>0</v>
      </c>
    </row>
    <row r="193" spans="1:13" x14ac:dyDescent="0.25">
      <c r="A193" s="5" t="s">
        <v>825</v>
      </c>
      <c r="B193" s="7" t="s">
        <v>683</v>
      </c>
      <c r="C193" s="8">
        <v>6427600</v>
      </c>
      <c r="D193" s="8">
        <v>10177711.67</v>
      </c>
      <c r="E193" s="8">
        <v>1246770.3600000001</v>
      </c>
      <c r="F193" s="8">
        <v>5819550.9000000004</v>
      </c>
      <c r="G193" s="8" t="s">
        <v>614</v>
      </c>
      <c r="H193" s="8">
        <v>4358160.7699999996</v>
      </c>
      <c r="I193" s="8">
        <v>1374073.52</v>
      </c>
      <c r="J193" s="8" t="s">
        <v>826</v>
      </c>
      <c r="K193" s="8" t="s">
        <v>614</v>
      </c>
      <c r="L193" s="8">
        <v>4358160.7699999996</v>
      </c>
      <c r="M193" s="8">
        <v>0</v>
      </c>
    </row>
    <row r="194" spans="1:13" x14ac:dyDescent="0.25">
      <c r="A194" s="4" t="s">
        <v>827</v>
      </c>
      <c r="B194" s="6" t="s">
        <v>495</v>
      </c>
      <c r="C194" s="9">
        <v>6427600</v>
      </c>
      <c r="D194" s="9">
        <v>10177711.67</v>
      </c>
      <c r="E194" s="9">
        <v>1246770.3600000001</v>
      </c>
      <c r="F194" s="9">
        <v>5819550.9000000004</v>
      </c>
      <c r="G194" s="9" t="s">
        <v>614</v>
      </c>
      <c r="H194" s="9">
        <v>4358160.7699999996</v>
      </c>
      <c r="I194" s="9">
        <v>1374073.52</v>
      </c>
      <c r="J194" s="9" t="s">
        <v>826</v>
      </c>
      <c r="K194" s="9" t="s">
        <v>614</v>
      </c>
      <c r="L194" s="9">
        <v>4358160.7699999996</v>
      </c>
      <c r="M194" s="9">
        <v>0</v>
      </c>
    </row>
    <row r="195" spans="1:13" x14ac:dyDescent="0.25">
      <c r="A195" s="5" t="s">
        <v>828</v>
      </c>
      <c r="B195" s="7" t="s">
        <v>701</v>
      </c>
      <c r="C195" s="8">
        <v>28952100</v>
      </c>
      <c r="D195" s="8">
        <v>37739590.600000001</v>
      </c>
      <c r="E195" s="8">
        <v>7253884.3099999996</v>
      </c>
      <c r="F195" s="8">
        <v>36710164.590000004</v>
      </c>
      <c r="G195" s="8" t="s">
        <v>686</v>
      </c>
      <c r="H195" s="8">
        <v>1029426.01</v>
      </c>
      <c r="I195" s="8">
        <v>7427588.9000000004</v>
      </c>
      <c r="J195" s="8" t="s">
        <v>829</v>
      </c>
      <c r="K195" s="8" t="s">
        <v>830</v>
      </c>
      <c r="L195" s="8">
        <v>1029426.01</v>
      </c>
      <c r="M195" s="8">
        <v>0</v>
      </c>
    </row>
    <row r="196" spans="1:13" x14ac:dyDescent="0.25">
      <c r="A196" s="4" t="s">
        <v>831</v>
      </c>
      <c r="B196" s="6" t="s">
        <v>495</v>
      </c>
      <c r="C196" s="9">
        <v>28952100</v>
      </c>
      <c r="D196" s="9">
        <v>37739590.600000001</v>
      </c>
      <c r="E196" s="9">
        <v>7253884.3099999996</v>
      </c>
      <c r="F196" s="9">
        <v>36710164.590000004</v>
      </c>
      <c r="G196" s="9" t="s">
        <v>686</v>
      </c>
      <c r="H196" s="9">
        <v>1029426.01</v>
      </c>
      <c r="I196" s="9">
        <v>7427588.9000000004</v>
      </c>
      <c r="J196" s="9" t="s">
        <v>829</v>
      </c>
      <c r="K196" s="9" t="s">
        <v>830</v>
      </c>
      <c r="L196" s="9">
        <v>1029426.01</v>
      </c>
      <c r="M196" s="9">
        <v>0</v>
      </c>
    </row>
    <row r="197" spans="1:13" x14ac:dyDescent="0.25">
      <c r="A197" s="5" t="s">
        <v>832</v>
      </c>
      <c r="B197" s="7" t="s">
        <v>725</v>
      </c>
      <c r="C197" s="8">
        <v>2697000</v>
      </c>
      <c r="D197" s="8">
        <v>3162481</v>
      </c>
      <c r="E197" s="8">
        <v>668206.55000000005</v>
      </c>
      <c r="F197" s="8">
        <v>3098226.32</v>
      </c>
      <c r="G197" s="8" t="s">
        <v>507</v>
      </c>
      <c r="H197" s="8">
        <v>64254.68</v>
      </c>
      <c r="I197" s="8">
        <v>691374.59</v>
      </c>
      <c r="J197" s="8" t="s">
        <v>833</v>
      </c>
      <c r="K197" s="8" t="s">
        <v>507</v>
      </c>
      <c r="L197" s="8">
        <v>64254.68</v>
      </c>
      <c r="M197" s="8">
        <v>0</v>
      </c>
    </row>
    <row r="198" spans="1:13" x14ac:dyDescent="0.25">
      <c r="A198" s="4" t="s">
        <v>834</v>
      </c>
      <c r="B198" s="6" t="s">
        <v>728</v>
      </c>
      <c r="C198" s="9">
        <v>1422000</v>
      </c>
      <c r="D198" s="9">
        <v>1612300</v>
      </c>
      <c r="E198" s="9">
        <v>364994.74</v>
      </c>
      <c r="F198" s="9">
        <v>1607002.04</v>
      </c>
      <c r="G198" s="9" t="s">
        <v>504</v>
      </c>
      <c r="H198" s="9">
        <v>5297.96</v>
      </c>
      <c r="I198" s="9">
        <v>364994.74</v>
      </c>
      <c r="J198" s="9" t="s">
        <v>835</v>
      </c>
      <c r="K198" s="9" t="s">
        <v>504</v>
      </c>
      <c r="L198" s="9">
        <v>5297.96</v>
      </c>
      <c r="M198" s="9">
        <v>0</v>
      </c>
    </row>
    <row r="199" spans="1:13" x14ac:dyDescent="0.25">
      <c r="A199" s="4" t="s">
        <v>836</v>
      </c>
      <c r="B199" s="6" t="s">
        <v>730</v>
      </c>
      <c r="C199" s="9">
        <v>1275000</v>
      </c>
      <c r="D199" s="9">
        <v>1550181</v>
      </c>
      <c r="E199" s="9">
        <v>303211.81</v>
      </c>
      <c r="F199" s="9">
        <v>1491224.28</v>
      </c>
      <c r="G199" s="9" t="s">
        <v>504</v>
      </c>
      <c r="H199" s="9">
        <v>58956.72</v>
      </c>
      <c r="I199" s="9">
        <v>326379.84999999998</v>
      </c>
      <c r="J199" s="9" t="s">
        <v>837</v>
      </c>
      <c r="K199" s="9" t="s">
        <v>504</v>
      </c>
      <c r="L199" s="9">
        <v>58956.72</v>
      </c>
      <c r="M199" s="9">
        <v>0</v>
      </c>
    </row>
    <row r="200" spans="1:13" x14ac:dyDescent="0.25">
      <c r="A200" s="5" t="s">
        <v>838</v>
      </c>
      <c r="B200" s="7" t="s">
        <v>739</v>
      </c>
      <c r="C200" s="8">
        <v>24645400</v>
      </c>
      <c r="D200" s="8">
        <v>34527398.979999997</v>
      </c>
      <c r="E200" s="8">
        <v>4756454.4400000004</v>
      </c>
      <c r="F200" s="8">
        <v>30762264.039999999</v>
      </c>
      <c r="G200" s="8" t="s">
        <v>675</v>
      </c>
      <c r="H200" s="8">
        <v>3765134.94</v>
      </c>
      <c r="I200" s="8">
        <v>4810769.92</v>
      </c>
      <c r="J200" s="8" t="s">
        <v>839</v>
      </c>
      <c r="K200" s="8" t="s">
        <v>677</v>
      </c>
      <c r="L200" s="8">
        <v>3765134.94</v>
      </c>
      <c r="M200" s="8">
        <v>0</v>
      </c>
    </row>
    <row r="201" spans="1:13" x14ac:dyDescent="0.25">
      <c r="A201" s="4" t="s">
        <v>840</v>
      </c>
      <c r="B201" s="6" t="s">
        <v>495</v>
      </c>
      <c r="C201" s="9">
        <v>24645400</v>
      </c>
      <c r="D201" s="9">
        <v>34527398.979999997</v>
      </c>
      <c r="E201" s="9">
        <v>4756454.4400000004</v>
      </c>
      <c r="F201" s="9">
        <v>30762264.039999999</v>
      </c>
      <c r="G201" s="9" t="s">
        <v>675</v>
      </c>
      <c r="H201" s="9">
        <v>3765134.94</v>
      </c>
      <c r="I201" s="9">
        <v>4810769.92</v>
      </c>
      <c r="J201" s="9" t="s">
        <v>839</v>
      </c>
      <c r="K201" s="9" t="s">
        <v>677</v>
      </c>
      <c r="L201" s="9">
        <v>3765134.94</v>
      </c>
      <c r="M201" s="9">
        <v>0</v>
      </c>
    </row>
    <row r="202" spans="1:13" x14ac:dyDescent="0.25">
      <c r="A202" s="5" t="s">
        <v>841</v>
      </c>
      <c r="B202" s="7" t="s">
        <v>752</v>
      </c>
      <c r="C202" s="8">
        <v>238600</v>
      </c>
      <c r="D202" s="8">
        <v>386900</v>
      </c>
      <c r="E202" s="8">
        <v>78524.13</v>
      </c>
      <c r="F202" s="8">
        <v>338356.2</v>
      </c>
      <c r="G202" s="8" t="s">
        <v>39</v>
      </c>
      <c r="H202" s="8">
        <v>48543.8</v>
      </c>
      <c r="I202" s="8">
        <v>81531.37</v>
      </c>
      <c r="J202" s="8" t="s">
        <v>842</v>
      </c>
      <c r="K202" s="8" t="s">
        <v>39</v>
      </c>
      <c r="L202" s="8">
        <v>50264.56</v>
      </c>
      <c r="M202" s="8">
        <v>1720.76</v>
      </c>
    </row>
    <row r="203" spans="1:13" x14ac:dyDescent="0.25">
      <c r="A203" s="4" t="s">
        <v>843</v>
      </c>
      <c r="B203" s="6" t="s">
        <v>755</v>
      </c>
      <c r="C203" s="9">
        <v>0</v>
      </c>
      <c r="D203" s="9">
        <v>5000</v>
      </c>
      <c r="E203" s="9">
        <v>0</v>
      </c>
      <c r="F203" s="9">
        <v>1720.76</v>
      </c>
      <c r="G203" s="9" t="s">
        <v>39</v>
      </c>
      <c r="H203" s="9">
        <v>3279.24</v>
      </c>
      <c r="I203" s="9">
        <v>0</v>
      </c>
      <c r="J203" s="9" t="s">
        <v>39</v>
      </c>
      <c r="K203" s="9" t="s">
        <v>39</v>
      </c>
      <c r="L203" s="9">
        <v>5000</v>
      </c>
      <c r="M203" s="9">
        <v>1720.76</v>
      </c>
    </row>
    <row r="204" spans="1:13" x14ac:dyDescent="0.25">
      <c r="A204" s="4" t="s">
        <v>844</v>
      </c>
      <c r="B204" s="6" t="s">
        <v>757</v>
      </c>
      <c r="C204" s="9">
        <v>238600</v>
      </c>
      <c r="D204" s="9">
        <v>381900</v>
      </c>
      <c r="E204" s="9">
        <v>78524.13</v>
      </c>
      <c r="F204" s="9">
        <v>336635.44</v>
      </c>
      <c r="G204" s="9" t="s">
        <v>39</v>
      </c>
      <c r="H204" s="9">
        <v>45264.56</v>
      </c>
      <c r="I204" s="9">
        <v>81531.37</v>
      </c>
      <c r="J204" s="9" t="s">
        <v>842</v>
      </c>
      <c r="K204" s="9" t="s">
        <v>39</v>
      </c>
      <c r="L204" s="9">
        <v>45264.56</v>
      </c>
      <c r="M204" s="9">
        <v>0</v>
      </c>
    </row>
    <row r="205" spans="1:13" x14ac:dyDescent="0.25">
      <c r="A205" s="5" t="s">
        <v>845</v>
      </c>
      <c r="B205" s="7" t="s">
        <v>759</v>
      </c>
      <c r="C205" s="8">
        <v>631165100</v>
      </c>
      <c r="D205" s="8">
        <v>56651066</v>
      </c>
      <c r="E205" s="8">
        <v>5953929.9000000004</v>
      </c>
      <c r="F205" s="8">
        <v>37226279.509999998</v>
      </c>
      <c r="G205" s="8" t="s">
        <v>686</v>
      </c>
      <c r="H205" s="8">
        <v>19424786.489999998</v>
      </c>
      <c r="I205" s="8">
        <v>6202945.7599999998</v>
      </c>
      <c r="J205" s="8" t="s">
        <v>846</v>
      </c>
      <c r="K205" s="8" t="s">
        <v>681</v>
      </c>
      <c r="L205" s="8">
        <v>19424786.489999998</v>
      </c>
      <c r="M205" s="8">
        <v>0</v>
      </c>
    </row>
    <row r="206" spans="1:13" x14ac:dyDescent="0.25">
      <c r="A206" s="4" t="s">
        <v>847</v>
      </c>
      <c r="B206" s="6" t="s">
        <v>572</v>
      </c>
      <c r="C206" s="9">
        <v>432000</v>
      </c>
      <c r="D206" s="9">
        <v>1492000</v>
      </c>
      <c r="E206" s="9">
        <v>356522.87</v>
      </c>
      <c r="F206" s="9">
        <v>1472601.93</v>
      </c>
      <c r="G206" s="9" t="s">
        <v>504</v>
      </c>
      <c r="H206" s="9">
        <v>19398.07</v>
      </c>
      <c r="I206" s="9">
        <v>356522.87</v>
      </c>
      <c r="J206" s="9" t="s">
        <v>848</v>
      </c>
      <c r="K206" s="9" t="s">
        <v>504</v>
      </c>
      <c r="L206" s="9">
        <v>19398.07</v>
      </c>
      <c r="M206" s="9">
        <v>0</v>
      </c>
    </row>
    <row r="207" spans="1:13" x14ac:dyDescent="0.25">
      <c r="A207" s="4" t="s">
        <v>849</v>
      </c>
      <c r="B207" s="6" t="s">
        <v>509</v>
      </c>
      <c r="C207" s="9">
        <v>630733100</v>
      </c>
      <c r="D207" s="9">
        <v>55159066</v>
      </c>
      <c r="E207" s="9">
        <v>5597407.0300000003</v>
      </c>
      <c r="F207" s="9">
        <v>35753677.579999998</v>
      </c>
      <c r="G207" s="9" t="s">
        <v>851</v>
      </c>
      <c r="H207" s="9">
        <v>19405388.420000002</v>
      </c>
      <c r="I207" s="9">
        <v>5846422.8899999997</v>
      </c>
      <c r="J207" s="9" t="s">
        <v>850</v>
      </c>
      <c r="K207" s="9" t="s">
        <v>830</v>
      </c>
      <c r="L207" s="9">
        <v>19405388.420000002</v>
      </c>
      <c r="M207" s="9">
        <v>0</v>
      </c>
    </row>
    <row r="208" spans="1:13" x14ac:dyDescent="0.25">
      <c r="A208" s="5" t="s">
        <v>852</v>
      </c>
      <c r="B208" s="7" t="s">
        <v>853</v>
      </c>
      <c r="C208" s="8">
        <v>14347341700</v>
      </c>
      <c r="D208" s="8">
        <v>18310364319</v>
      </c>
      <c r="E208" s="8">
        <v>2116151841.5799999</v>
      </c>
      <c r="F208" s="8">
        <v>14720730799.73</v>
      </c>
      <c r="G208" s="8" t="s">
        <v>854</v>
      </c>
      <c r="H208" s="8">
        <v>3589633519.27</v>
      </c>
      <c r="I208" s="8">
        <v>2377904835.3899999</v>
      </c>
      <c r="J208" s="8">
        <v>13998444603.139999</v>
      </c>
      <c r="K208" s="8" t="s">
        <v>855</v>
      </c>
      <c r="L208" s="8">
        <v>4311919715.8599997</v>
      </c>
      <c r="M208" s="8">
        <v>722286196.59000003</v>
      </c>
    </row>
  </sheetData>
  <mergeCells count="15"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topLeftCell="J22" workbookViewId="0">
      <selection activeCell="O38" sqref="O38"/>
    </sheetView>
  </sheetViews>
  <sheetFormatPr defaultRowHeight="15" x14ac:dyDescent="0.25"/>
  <cols>
    <col min="1" max="1" width="6.42578125" customWidth="1"/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</row>
    <row r="4" spans="1:16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</row>
    <row r="5" spans="1:16" x14ac:dyDescent="0.25">
      <c r="A5" s="12" t="s">
        <v>856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</row>
    <row r="6" spans="1:16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</row>
    <row r="7" spans="1:16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  <c r="O7" s="11"/>
      <c r="P7" s="11"/>
    </row>
    <row r="9" spans="1:16" x14ac:dyDescent="0.25">
      <c r="A9" s="13" t="s">
        <v>857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</row>
    <row r="10" spans="1:16" x14ac:dyDescent="0.25">
      <c r="A10" s="14" t="s">
        <v>6</v>
      </c>
      <c r="B10" s="14" t="s">
        <v>858</v>
      </c>
      <c r="C10" s="14" t="s">
        <v>859</v>
      </c>
      <c r="D10" s="14" t="s">
        <v>7</v>
      </c>
      <c r="E10" s="14" t="s">
        <v>7</v>
      </c>
      <c r="F10" s="14" t="s">
        <v>7</v>
      </c>
      <c r="G10" s="14" t="s">
        <v>7</v>
      </c>
      <c r="H10" s="14" t="s">
        <v>7</v>
      </c>
      <c r="I10" s="14" t="s">
        <v>7</v>
      </c>
      <c r="J10" s="14" t="s">
        <v>7</v>
      </c>
      <c r="K10" s="14" t="s">
        <v>7</v>
      </c>
      <c r="L10" s="14" t="s">
        <v>7</v>
      </c>
      <c r="M10" s="14" t="s">
        <v>7</v>
      </c>
      <c r="N10" s="14" t="s">
        <v>7</v>
      </c>
      <c r="O10" s="14" t="s">
        <v>872</v>
      </c>
      <c r="P10" s="14" t="s">
        <v>873</v>
      </c>
    </row>
    <row r="11" spans="1:16" x14ac:dyDescent="0.25">
      <c r="A11" s="14" t="s">
        <v>7</v>
      </c>
      <c r="B11" s="14" t="s">
        <v>7</v>
      </c>
      <c r="C11" s="1" t="s">
        <v>860</v>
      </c>
      <c r="D11" s="1" t="s">
        <v>861</v>
      </c>
      <c r="E11" s="1" t="s">
        <v>862</v>
      </c>
      <c r="F11" s="1" t="s">
        <v>863</v>
      </c>
      <c r="G11" s="1" t="s">
        <v>864</v>
      </c>
      <c r="H11" s="1" t="s">
        <v>865</v>
      </c>
      <c r="I11" s="1" t="s">
        <v>866</v>
      </c>
      <c r="J11" s="1" t="s">
        <v>867</v>
      </c>
      <c r="K11" s="1" t="s">
        <v>868</v>
      </c>
      <c r="L11" s="1" t="s">
        <v>869</v>
      </c>
      <c r="M11" s="1" t="s">
        <v>870</v>
      </c>
      <c r="N11" s="1" t="s">
        <v>871</v>
      </c>
      <c r="O11" s="14" t="s">
        <v>7</v>
      </c>
      <c r="P11" s="14" t="s">
        <v>7</v>
      </c>
    </row>
    <row r="12" spans="1:16" x14ac:dyDescent="0.25">
      <c r="A12" s="5" t="s">
        <v>17</v>
      </c>
      <c r="B12" s="7" t="s">
        <v>874</v>
      </c>
      <c r="C12" s="8">
        <v>1531155888.1600001</v>
      </c>
      <c r="D12" s="8">
        <v>1178454005.7</v>
      </c>
      <c r="E12" s="8">
        <v>1257441808.0699999</v>
      </c>
      <c r="F12" s="8">
        <v>1277160393.27</v>
      </c>
      <c r="G12" s="8">
        <v>1291795072.8599999</v>
      </c>
      <c r="H12" s="8">
        <v>1258173172.3800001</v>
      </c>
      <c r="I12" s="8">
        <v>1339306660.0699999</v>
      </c>
      <c r="J12" s="8">
        <v>1310514311.6400001</v>
      </c>
      <c r="K12" s="8">
        <v>1203040481.25</v>
      </c>
      <c r="L12" s="8">
        <v>1205219524.4000001</v>
      </c>
      <c r="M12" s="8">
        <v>1400520110.1500001</v>
      </c>
      <c r="N12" s="8">
        <v>1411729678.72</v>
      </c>
      <c r="O12" s="8">
        <v>15664511106.67</v>
      </c>
      <c r="P12" s="8">
        <v>17025001222</v>
      </c>
    </row>
    <row r="13" spans="1:16" x14ac:dyDescent="0.25">
      <c r="A13" s="5" t="s">
        <v>21</v>
      </c>
      <c r="B13" s="7" t="s">
        <v>875</v>
      </c>
      <c r="C13" s="8">
        <v>1077161911.8900001</v>
      </c>
      <c r="D13" s="8">
        <v>764057112.66999996</v>
      </c>
      <c r="E13" s="8">
        <v>856912002.90999997</v>
      </c>
      <c r="F13" s="8">
        <v>907315128.94000006</v>
      </c>
      <c r="G13" s="8">
        <v>847813227.25</v>
      </c>
      <c r="H13" s="8">
        <v>806215720</v>
      </c>
      <c r="I13" s="8">
        <v>910439952.09000003</v>
      </c>
      <c r="J13" s="8">
        <v>878106939.99000001</v>
      </c>
      <c r="K13" s="8">
        <v>824948829.16999996</v>
      </c>
      <c r="L13" s="8">
        <v>805839095.33000004</v>
      </c>
      <c r="M13" s="8">
        <v>920182053.95000005</v>
      </c>
      <c r="N13" s="8">
        <v>942469953.89999998</v>
      </c>
      <c r="O13" s="8">
        <v>10541461928.09</v>
      </c>
      <c r="P13" s="8">
        <v>10313799061.83</v>
      </c>
    </row>
    <row r="14" spans="1:16" x14ac:dyDescent="0.25">
      <c r="A14" s="4" t="s">
        <v>25</v>
      </c>
      <c r="B14" s="6" t="s">
        <v>876</v>
      </c>
      <c r="C14" s="9">
        <v>704122077.62</v>
      </c>
      <c r="D14" s="9">
        <v>606103619.5</v>
      </c>
      <c r="E14" s="9">
        <v>680155031.27999997</v>
      </c>
      <c r="F14" s="9">
        <v>757614960.35000002</v>
      </c>
      <c r="G14" s="9">
        <v>678546923.40999997</v>
      </c>
      <c r="H14" s="9">
        <v>667151333.42999995</v>
      </c>
      <c r="I14" s="9">
        <v>766460009.83000004</v>
      </c>
      <c r="J14" s="9">
        <v>732111156.79999995</v>
      </c>
      <c r="K14" s="9">
        <v>741914502.82000005</v>
      </c>
      <c r="L14" s="9">
        <v>702413552.62</v>
      </c>
      <c r="M14" s="9">
        <v>783780752.19000006</v>
      </c>
      <c r="N14" s="9">
        <v>748341567.13999999</v>
      </c>
      <c r="O14" s="9">
        <v>8568715486.9899998</v>
      </c>
      <c r="P14" s="9">
        <v>8409108327</v>
      </c>
    </row>
    <row r="15" spans="1:16" x14ac:dyDescent="0.25">
      <c r="A15" s="4" t="s">
        <v>29</v>
      </c>
      <c r="B15" s="6" t="s">
        <v>877</v>
      </c>
      <c r="C15" s="9">
        <v>293425446.32999998</v>
      </c>
      <c r="D15" s="9">
        <v>50633670.640000001</v>
      </c>
      <c r="E15" s="9">
        <v>46921086.539999999</v>
      </c>
      <c r="F15" s="9">
        <v>50235955.07</v>
      </c>
      <c r="G15" s="9">
        <v>45338052.390000001</v>
      </c>
      <c r="H15" s="9">
        <v>23886797.199999999</v>
      </c>
      <c r="I15" s="9">
        <v>22086959.07</v>
      </c>
      <c r="J15" s="9">
        <v>20261895.25</v>
      </c>
      <c r="K15" s="9">
        <v>17082096.559999999</v>
      </c>
      <c r="L15" s="9">
        <v>17254558.920000002</v>
      </c>
      <c r="M15" s="9">
        <v>12542078.98</v>
      </c>
      <c r="N15" s="9">
        <v>50958935.829999998</v>
      </c>
      <c r="O15" s="9">
        <v>650627532.77999997</v>
      </c>
      <c r="P15" s="9">
        <v>631324400</v>
      </c>
    </row>
    <row r="16" spans="1:16" x14ac:dyDescent="0.25">
      <c r="A16" s="4" t="s">
        <v>33</v>
      </c>
      <c r="B16" s="6" t="s">
        <v>878</v>
      </c>
      <c r="C16" s="9">
        <v>8175125.3600000003</v>
      </c>
      <c r="D16" s="9">
        <v>11005185.52</v>
      </c>
      <c r="E16" s="9">
        <v>11262932.98</v>
      </c>
      <c r="F16" s="9">
        <v>14910830.050000001</v>
      </c>
      <c r="G16" s="9">
        <v>12126651.189999999</v>
      </c>
      <c r="H16" s="9">
        <v>16700806.529999999</v>
      </c>
      <c r="I16" s="9">
        <v>20334958.75</v>
      </c>
      <c r="J16" s="9">
        <v>15332786.710000001</v>
      </c>
      <c r="K16" s="9">
        <v>13399800.73</v>
      </c>
      <c r="L16" s="9">
        <v>14542728.880000001</v>
      </c>
      <c r="M16" s="9">
        <v>12331779.34</v>
      </c>
      <c r="N16" s="9">
        <v>12122498.48</v>
      </c>
      <c r="O16" s="9">
        <v>162246084.52000001</v>
      </c>
      <c r="P16" s="9">
        <v>119628500</v>
      </c>
    </row>
    <row r="17" spans="1:16" x14ac:dyDescent="0.25">
      <c r="A17" s="4" t="s">
        <v>37</v>
      </c>
      <c r="B17" s="6" t="s">
        <v>879</v>
      </c>
      <c r="C17" s="9">
        <v>51261765.689999998</v>
      </c>
      <c r="D17" s="9">
        <v>79113588.609999999</v>
      </c>
      <c r="E17" s="9">
        <v>100137884.05</v>
      </c>
      <c r="F17" s="9">
        <v>62093107.609999999</v>
      </c>
      <c r="G17" s="9">
        <v>82709266.430000007</v>
      </c>
      <c r="H17" s="9">
        <v>72924906.670000002</v>
      </c>
      <c r="I17" s="9">
        <v>75051985.370000005</v>
      </c>
      <c r="J17" s="9">
        <v>89780954.549999997</v>
      </c>
      <c r="K17" s="9">
        <v>34976603.390000001</v>
      </c>
      <c r="L17" s="9">
        <v>53486251.369999997</v>
      </c>
      <c r="M17" s="9">
        <v>91280360.060000002</v>
      </c>
      <c r="N17" s="9">
        <v>109229299.95</v>
      </c>
      <c r="O17" s="9">
        <v>902045973.75</v>
      </c>
      <c r="P17" s="9">
        <v>845793800</v>
      </c>
    </row>
    <row r="18" spans="1:16" x14ac:dyDescent="0.25">
      <c r="A18" s="4" t="s">
        <v>40</v>
      </c>
      <c r="B18" s="6" t="s">
        <v>880</v>
      </c>
      <c r="C18" s="9">
        <v>20177496.890000001</v>
      </c>
      <c r="D18" s="9">
        <v>17201048.399999999</v>
      </c>
      <c r="E18" s="9">
        <v>18435068.059999999</v>
      </c>
      <c r="F18" s="9">
        <v>22460275.859999999</v>
      </c>
      <c r="G18" s="9">
        <v>29092333.829999998</v>
      </c>
      <c r="H18" s="9">
        <v>25551876.170000002</v>
      </c>
      <c r="I18" s="9">
        <v>26506039.07</v>
      </c>
      <c r="J18" s="9">
        <v>20620146.68</v>
      </c>
      <c r="K18" s="9">
        <v>17575825.670000002</v>
      </c>
      <c r="L18" s="9">
        <v>18142003.539999999</v>
      </c>
      <c r="M18" s="9">
        <v>20247083.379999999</v>
      </c>
      <c r="N18" s="9">
        <v>21817652.5</v>
      </c>
      <c r="O18" s="9">
        <v>257826850.05000001</v>
      </c>
      <c r="P18" s="9">
        <v>307944034.82999998</v>
      </c>
    </row>
    <row r="19" spans="1:16" x14ac:dyDescent="0.25">
      <c r="A19" s="4" t="s">
        <v>44</v>
      </c>
      <c r="B19" s="6" t="s">
        <v>324</v>
      </c>
      <c r="C19" s="9">
        <v>65982411.780000001</v>
      </c>
      <c r="D19" s="9">
        <v>46134859.119999997</v>
      </c>
      <c r="E19" s="9">
        <v>47044834.5</v>
      </c>
      <c r="F19" s="9">
        <v>26747912.920000002</v>
      </c>
      <c r="G19" s="9">
        <v>60733453.079999998</v>
      </c>
      <c r="H19" s="9">
        <v>49024266.049999997</v>
      </c>
      <c r="I19" s="9">
        <v>42702696.460000001</v>
      </c>
      <c r="J19" s="9">
        <v>68152459.950000003</v>
      </c>
      <c r="K19" s="9">
        <v>50102838.780000001</v>
      </c>
      <c r="L19" s="9">
        <v>47503966.060000002</v>
      </c>
      <c r="M19" s="9">
        <v>52182181.75</v>
      </c>
      <c r="N19" s="9">
        <v>74699318.819999993</v>
      </c>
      <c r="O19" s="9">
        <v>631011199.26999998</v>
      </c>
      <c r="P19" s="9">
        <v>1210479227</v>
      </c>
    </row>
    <row r="20" spans="1:16" x14ac:dyDescent="0.25">
      <c r="A20" s="5" t="s">
        <v>46</v>
      </c>
      <c r="B20" s="7" t="s">
        <v>336</v>
      </c>
      <c r="C20" s="8">
        <v>7144285.5899999999</v>
      </c>
      <c r="D20" s="8">
        <v>7232028.4400000004</v>
      </c>
      <c r="E20" s="8">
        <v>6980312.9000000004</v>
      </c>
      <c r="F20" s="8">
        <v>11452755.779999999</v>
      </c>
      <c r="G20" s="8">
        <v>19105134.870000001</v>
      </c>
      <c r="H20" s="8">
        <v>11886458.630000001</v>
      </c>
      <c r="I20" s="8">
        <v>10143503.140000001</v>
      </c>
      <c r="J20" s="8">
        <v>7000684.4100000001</v>
      </c>
      <c r="K20" s="8">
        <v>5880740.1100000003</v>
      </c>
      <c r="L20" s="8">
        <v>6678904.4500000002</v>
      </c>
      <c r="M20" s="8">
        <v>77545184.769999996</v>
      </c>
      <c r="N20" s="8">
        <v>5844072.5099999998</v>
      </c>
      <c r="O20" s="8">
        <v>176894065.59999999</v>
      </c>
      <c r="P20" s="8">
        <v>338216600</v>
      </c>
    </row>
    <row r="21" spans="1:16" x14ac:dyDescent="0.25">
      <c r="A21" s="4" t="s">
        <v>48</v>
      </c>
      <c r="B21" s="6" t="s">
        <v>881</v>
      </c>
      <c r="C21" s="9">
        <v>5245923.58</v>
      </c>
      <c r="D21" s="9">
        <v>4084063.14</v>
      </c>
      <c r="E21" s="9">
        <v>5302787.8499999996</v>
      </c>
      <c r="F21" s="9">
        <v>4033255.96</v>
      </c>
      <c r="G21" s="9">
        <v>3846111.6</v>
      </c>
      <c r="H21" s="9">
        <v>4352894.17</v>
      </c>
      <c r="I21" s="9">
        <v>5102676.32</v>
      </c>
      <c r="J21" s="9">
        <v>4572179.1500000004</v>
      </c>
      <c r="K21" s="9">
        <v>3758854.45</v>
      </c>
      <c r="L21" s="9">
        <v>4814384.5999999996</v>
      </c>
      <c r="M21" s="9">
        <v>4271633.8899999997</v>
      </c>
      <c r="N21" s="9">
        <v>4009817.81</v>
      </c>
      <c r="O21" s="9">
        <v>53394582.520000003</v>
      </c>
      <c r="P21" s="9">
        <v>271396000</v>
      </c>
    </row>
    <row r="22" spans="1:16" x14ac:dyDescent="0.25">
      <c r="A22" s="4" t="s">
        <v>50</v>
      </c>
      <c r="B22" s="6" t="s">
        <v>882</v>
      </c>
      <c r="C22" s="9">
        <v>1898362.01</v>
      </c>
      <c r="D22" s="9">
        <v>3147965.3</v>
      </c>
      <c r="E22" s="9">
        <v>1677525.05</v>
      </c>
      <c r="F22" s="9">
        <v>7419499.8200000003</v>
      </c>
      <c r="G22" s="9">
        <v>15259023.27</v>
      </c>
      <c r="H22" s="9">
        <v>7533564.46</v>
      </c>
      <c r="I22" s="9">
        <v>5040826.82</v>
      </c>
      <c r="J22" s="9">
        <v>2428505.2599999998</v>
      </c>
      <c r="K22" s="9">
        <v>2121885.66</v>
      </c>
      <c r="L22" s="9">
        <v>1864519.85</v>
      </c>
      <c r="M22" s="9">
        <v>73273550.879999995</v>
      </c>
      <c r="N22" s="9">
        <v>1834254.7</v>
      </c>
      <c r="O22" s="9">
        <v>123499483.08</v>
      </c>
      <c r="P22" s="9">
        <v>66820600</v>
      </c>
    </row>
    <row r="23" spans="1:16" x14ac:dyDescent="0.25">
      <c r="A23" s="4" t="s">
        <v>52</v>
      </c>
      <c r="B23" s="6" t="s">
        <v>356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0</v>
      </c>
      <c r="J23" s="9">
        <v>0</v>
      </c>
      <c r="K23" s="9">
        <v>0</v>
      </c>
      <c r="L23" s="9">
        <v>0</v>
      </c>
      <c r="M23" s="9">
        <v>0</v>
      </c>
      <c r="N23" s="9">
        <v>0</v>
      </c>
      <c r="O23" s="9">
        <v>0</v>
      </c>
      <c r="P23" s="9">
        <v>0</v>
      </c>
    </row>
    <row r="24" spans="1:16" x14ac:dyDescent="0.25">
      <c r="A24" s="4" t="s">
        <v>56</v>
      </c>
      <c r="B24" s="6" t="s">
        <v>358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  <c r="O24" s="9">
        <v>0</v>
      </c>
      <c r="P24" s="9">
        <v>0</v>
      </c>
    </row>
    <row r="25" spans="1:16" x14ac:dyDescent="0.25">
      <c r="A25" s="4" t="s">
        <v>60</v>
      </c>
      <c r="B25" s="6" t="s">
        <v>360</v>
      </c>
      <c r="C25" s="9">
        <v>32308348.059999999</v>
      </c>
      <c r="D25" s="9">
        <v>29932450.149999999</v>
      </c>
      <c r="E25" s="9">
        <v>73494130.489999995</v>
      </c>
      <c r="F25" s="9">
        <v>56375565.189999998</v>
      </c>
      <c r="G25" s="9">
        <v>58647887.539999999</v>
      </c>
      <c r="H25" s="9">
        <v>111181928.95</v>
      </c>
      <c r="I25" s="9">
        <v>86128109.980000004</v>
      </c>
      <c r="J25" s="9">
        <v>86626357.439999998</v>
      </c>
      <c r="K25" s="9">
        <v>75028557.780000001</v>
      </c>
      <c r="L25" s="9">
        <v>68402007.189999998</v>
      </c>
      <c r="M25" s="9">
        <v>57761504.130000003</v>
      </c>
      <c r="N25" s="9">
        <v>57441537.530000001</v>
      </c>
      <c r="O25" s="9">
        <v>793328384.42999995</v>
      </c>
      <c r="P25" s="9">
        <v>1048222674.49</v>
      </c>
    </row>
    <row r="26" spans="1:16" x14ac:dyDescent="0.25">
      <c r="A26" s="5" t="s">
        <v>64</v>
      </c>
      <c r="B26" s="7" t="s">
        <v>372</v>
      </c>
      <c r="C26" s="8">
        <v>341208217.69</v>
      </c>
      <c r="D26" s="8">
        <v>325786196.50999999</v>
      </c>
      <c r="E26" s="8">
        <v>264525106.78999999</v>
      </c>
      <c r="F26" s="8">
        <v>264433253.81999999</v>
      </c>
      <c r="G26" s="8">
        <v>297619142.05000001</v>
      </c>
      <c r="H26" s="8">
        <v>271361610.14999998</v>
      </c>
      <c r="I26" s="8">
        <v>276795006.30000001</v>
      </c>
      <c r="J26" s="8">
        <v>266935092.44</v>
      </c>
      <c r="K26" s="8">
        <v>241253957.09999999</v>
      </c>
      <c r="L26" s="8">
        <v>267197272.56</v>
      </c>
      <c r="M26" s="8">
        <v>282150663.38999999</v>
      </c>
      <c r="N26" s="8">
        <v>306343879.17000002</v>
      </c>
      <c r="O26" s="8">
        <v>3405609397.9699998</v>
      </c>
      <c r="P26" s="8">
        <v>3937785600</v>
      </c>
    </row>
    <row r="27" spans="1:16" x14ac:dyDescent="0.25">
      <c r="A27" s="4" t="s">
        <v>66</v>
      </c>
      <c r="B27" s="6" t="s">
        <v>883</v>
      </c>
      <c r="C27" s="9">
        <v>102834519.70999999</v>
      </c>
      <c r="D27" s="9">
        <v>136368488.69</v>
      </c>
      <c r="E27" s="9">
        <v>90984239.159999996</v>
      </c>
      <c r="F27" s="9">
        <v>95614518.480000004</v>
      </c>
      <c r="G27" s="9">
        <v>117302323.34999999</v>
      </c>
      <c r="H27" s="9">
        <v>111030805.63</v>
      </c>
      <c r="I27" s="9">
        <v>74687362.629999995</v>
      </c>
      <c r="J27" s="9">
        <v>94391817.209999993</v>
      </c>
      <c r="K27" s="9">
        <v>71067619.069999993</v>
      </c>
      <c r="L27" s="9">
        <v>80326529.560000002</v>
      </c>
      <c r="M27" s="9">
        <v>101779078.59999999</v>
      </c>
      <c r="N27" s="9">
        <v>127210885.09</v>
      </c>
      <c r="O27" s="9">
        <v>1203598187.1800001</v>
      </c>
      <c r="P27" s="9">
        <v>1357944600</v>
      </c>
    </row>
    <row r="28" spans="1:16" x14ac:dyDescent="0.25">
      <c r="A28" s="4" t="s">
        <v>70</v>
      </c>
      <c r="B28" s="6" t="s">
        <v>884</v>
      </c>
      <c r="C28" s="9">
        <v>1473863.44</v>
      </c>
      <c r="D28" s="9">
        <v>1473863.44</v>
      </c>
      <c r="E28" s="9">
        <v>1473863.44</v>
      </c>
      <c r="F28" s="9">
        <v>1473863.44</v>
      </c>
      <c r="G28" s="9">
        <v>1473863.44</v>
      </c>
      <c r="H28" s="9">
        <v>1473863.44</v>
      </c>
      <c r="I28" s="9">
        <v>1473863.44</v>
      </c>
      <c r="J28" s="9">
        <v>1473863.44</v>
      </c>
      <c r="K28" s="9">
        <v>1473863.44</v>
      </c>
      <c r="L28" s="9">
        <v>1473863.44</v>
      </c>
      <c r="M28" s="9">
        <v>1473863.44</v>
      </c>
      <c r="N28" s="9">
        <v>1473863.44</v>
      </c>
      <c r="O28" s="9">
        <v>17686361.280000001</v>
      </c>
      <c r="P28" s="9">
        <v>20281300</v>
      </c>
    </row>
    <row r="29" spans="1:16" x14ac:dyDescent="0.25">
      <c r="A29" s="4" t="s">
        <v>72</v>
      </c>
      <c r="B29" s="6" t="s">
        <v>885</v>
      </c>
      <c r="C29" s="9">
        <v>19917681.879999999</v>
      </c>
      <c r="D29" s="9">
        <v>9118341.6699999999</v>
      </c>
      <c r="E29" s="9">
        <v>-3374318.66</v>
      </c>
      <c r="F29" s="9">
        <v>8119471.5300000003</v>
      </c>
      <c r="G29" s="9">
        <v>8275062.9000000004</v>
      </c>
      <c r="H29" s="9">
        <v>9087130.4399999995</v>
      </c>
      <c r="I29" s="9">
        <v>7647121.0300000003</v>
      </c>
      <c r="J29" s="9">
        <v>8270498.0300000003</v>
      </c>
      <c r="K29" s="9">
        <v>8269321.9299999997</v>
      </c>
      <c r="L29" s="9">
        <v>8393294.1099999994</v>
      </c>
      <c r="M29" s="9">
        <v>8058060.5499999998</v>
      </c>
      <c r="N29" s="9">
        <v>9709675.4700000007</v>
      </c>
      <c r="O29" s="9">
        <v>101491340.88</v>
      </c>
      <c r="P29" s="9">
        <v>93861800</v>
      </c>
    </row>
    <row r="30" spans="1:16" x14ac:dyDescent="0.25">
      <c r="A30" s="4" t="s">
        <v>76</v>
      </c>
      <c r="B30" s="6" t="s">
        <v>886</v>
      </c>
      <c r="C30" s="9">
        <v>97582502.109999999</v>
      </c>
      <c r="D30" s="9">
        <v>94820672.359999999</v>
      </c>
      <c r="E30" s="9">
        <v>81554219.840000004</v>
      </c>
      <c r="F30" s="9">
        <v>74626433.909999996</v>
      </c>
      <c r="G30" s="9">
        <v>100381437.5</v>
      </c>
      <c r="H30" s="9">
        <v>71957064.260000005</v>
      </c>
      <c r="I30" s="9">
        <v>95191798.650000006</v>
      </c>
      <c r="J30" s="9">
        <v>79942418.989999995</v>
      </c>
      <c r="K30" s="9">
        <v>77459303.269999996</v>
      </c>
      <c r="L30" s="9">
        <v>91937703.189999998</v>
      </c>
      <c r="M30" s="9">
        <v>87393058.790000007</v>
      </c>
      <c r="N30" s="9">
        <v>84843208.150000006</v>
      </c>
      <c r="O30" s="9">
        <v>1037689821.02</v>
      </c>
      <c r="P30" s="9">
        <v>1062399300</v>
      </c>
    </row>
    <row r="31" spans="1:16" x14ac:dyDescent="0.25">
      <c r="A31" s="4" t="s">
        <v>78</v>
      </c>
      <c r="B31" s="6" t="s">
        <v>887</v>
      </c>
      <c r="C31" s="9">
        <v>119399650.55</v>
      </c>
      <c r="D31" s="9">
        <v>84004830.349999994</v>
      </c>
      <c r="E31" s="9">
        <v>93887103.010000005</v>
      </c>
      <c r="F31" s="9">
        <v>84598966.459999993</v>
      </c>
      <c r="G31" s="9">
        <v>70186454.859999999</v>
      </c>
      <c r="H31" s="9">
        <v>77812746.379999995</v>
      </c>
      <c r="I31" s="9">
        <v>97794860.549999997</v>
      </c>
      <c r="J31" s="9">
        <v>82856494.769999996</v>
      </c>
      <c r="K31" s="9">
        <v>82983849.390000001</v>
      </c>
      <c r="L31" s="9">
        <v>85065882.260000005</v>
      </c>
      <c r="M31" s="9">
        <v>83446602.010000005</v>
      </c>
      <c r="N31" s="9">
        <v>83106247.019999996</v>
      </c>
      <c r="O31" s="9">
        <v>1045143687.61</v>
      </c>
      <c r="P31" s="9">
        <v>1403298600</v>
      </c>
    </row>
    <row r="32" spans="1:16" x14ac:dyDescent="0.25">
      <c r="A32" s="4" t="s">
        <v>80</v>
      </c>
      <c r="B32" s="6" t="s">
        <v>390</v>
      </c>
      <c r="C32" s="9">
        <v>7350713.1500000004</v>
      </c>
      <c r="D32" s="9">
        <v>5311358.8099999996</v>
      </c>
      <c r="E32" s="9">
        <v>8485420.4800000004</v>
      </c>
      <c r="F32" s="9">
        <v>10835776.619999999</v>
      </c>
      <c r="G32" s="9">
        <v>7876228.0700000003</v>
      </c>
      <c r="H32" s="9">
        <v>8503188.5999999996</v>
      </c>
      <c r="I32" s="9">
        <v>13097392.1</v>
      </c>
      <c r="J32" s="9">
        <v>3692777.41</v>
      </c>
      <c r="K32" s="9">
        <v>5825558.3099999996</v>
      </c>
      <c r="L32" s="9">
        <v>9598278.8100000005</v>
      </c>
      <c r="M32" s="9">
        <v>10698522.16</v>
      </c>
      <c r="N32" s="9">
        <v>24930916.789999999</v>
      </c>
      <c r="O32" s="9">
        <v>116206131.31</v>
      </c>
      <c r="P32" s="9">
        <v>176498058.68000001</v>
      </c>
    </row>
    <row r="33" spans="1:16" x14ac:dyDescent="0.25">
      <c r="A33" s="5" t="s">
        <v>82</v>
      </c>
      <c r="B33" s="7" t="s">
        <v>888</v>
      </c>
      <c r="C33" s="8">
        <v>564549533.54999995</v>
      </c>
      <c r="D33" s="8">
        <v>365711247.41000003</v>
      </c>
      <c r="E33" s="8">
        <v>384118697.51999998</v>
      </c>
      <c r="F33" s="8">
        <v>401150503.45999998</v>
      </c>
      <c r="G33" s="8">
        <v>402255007.13999999</v>
      </c>
      <c r="H33" s="8">
        <v>373830627.73000002</v>
      </c>
      <c r="I33" s="8">
        <v>400768584.57999998</v>
      </c>
      <c r="J33" s="8">
        <v>412357210.12</v>
      </c>
      <c r="K33" s="8">
        <v>390429671.62</v>
      </c>
      <c r="L33" s="8">
        <v>375389511.77999997</v>
      </c>
      <c r="M33" s="8">
        <v>412667084.89999998</v>
      </c>
      <c r="N33" s="8">
        <v>446139901.81</v>
      </c>
      <c r="O33" s="8">
        <v>4929367581.6199999</v>
      </c>
      <c r="P33" s="8">
        <v>5270976105</v>
      </c>
    </row>
    <row r="34" spans="1:16" x14ac:dyDescent="0.25">
      <c r="A34" s="4" t="s">
        <v>86</v>
      </c>
      <c r="B34" s="6" t="s">
        <v>889</v>
      </c>
      <c r="C34" s="9">
        <v>339742300.06</v>
      </c>
      <c r="D34" s="9">
        <v>192104427.03999999</v>
      </c>
      <c r="E34" s="9">
        <v>208350267.47999999</v>
      </c>
      <c r="F34" s="9">
        <v>231936676.88</v>
      </c>
      <c r="G34" s="9">
        <v>207479630.68000001</v>
      </c>
      <c r="H34" s="9">
        <v>194336852.03</v>
      </c>
      <c r="I34" s="9">
        <v>220117717.77000001</v>
      </c>
      <c r="J34" s="9">
        <v>208583503.55000001</v>
      </c>
      <c r="K34" s="9">
        <v>208585218.97</v>
      </c>
      <c r="L34" s="9">
        <v>199981160.97</v>
      </c>
      <c r="M34" s="9">
        <v>217007288.58000001</v>
      </c>
      <c r="N34" s="9">
        <v>208571466.68000001</v>
      </c>
      <c r="O34" s="9">
        <v>2636796510.6900001</v>
      </c>
      <c r="P34" s="9">
        <v>2446720678</v>
      </c>
    </row>
    <row r="35" spans="1:16" x14ac:dyDescent="0.25">
      <c r="A35" s="4" t="s">
        <v>90</v>
      </c>
      <c r="B35" s="6" t="s">
        <v>890</v>
      </c>
      <c r="C35" s="9">
        <v>65846148.469999999</v>
      </c>
      <c r="D35" s="9">
        <v>46005844</v>
      </c>
      <c r="E35" s="9">
        <v>46882811.170000002</v>
      </c>
      <c r="F35" s="9">
        <v>26645437.5</v>
      </c>
      <c r="G35" s="9">
        <v>60595236.170000002</v>
      </c>
      <c r="H35" s="9">
        <v>48736165.799999997</v>
      </c>
      <c r="I35" s="9">
        <v>42586600.619999997</v>
      </c>
      <c r="J35" s="9">
        <v>68063222.319999993</v>
      </c>
      <c r="K35" s="9">
        <v>49999523.130000003</v>
      </c>
      <c r="L35" s="9">
        <v>47371524.539999999</v>
      </c>
      <c r="M35" s="9">
        <v>52080540.219999999</v>
      </c>
      <c r="N35" s="9">
        <v>74569083.010000005</v>
      </c>
      <c r="O35" s="9">
        <v>629382136.95000005</v>
      </c>
      <c r="P35" s="9">
        <v>1207364127</v>
      </c>
    </row>
    <row r="36" spans="1:16" x14ac:dyDescent="0.25">
      <c r="A36" s="4" t="s">
        <v>94</v>
      </c>
      <c r="B36" s="6" t="s">
        <v>891</v>
      </c>
      <c r="C36" s="9">
        <v>0</v>
      </c>
      <c r="D36" s="9">
        <v>0</v>
      </c>
      <c r="E36" s="9">
        <v>0</v>
      </c>
      <c r="F36" s="9">
        <v>0</v>
      </c>
      <c r="G36" s="9">
        <v>138216.91</v>
      </c>
      <c r="H36" s="9">
        <v>817877.43</v>
      </c>
      <c r="I36" s="9">
        <v>116095.84</v>
      </c>
      <c r="J36" s="9">
        <v>89237.63</v>
      </c>
      <c r="K36" s="9">
        <v>103315.65</v>
      </c>
      <c r="L36" s="9">
        <v>132441.51999999999</v>
      </c>
      <c r="M36" s="9">
        <v>101641.53</v>
      </c>
      <c r="N36" s="9">
        <v>15644394.67</v>
      </c>
      <c r="O36" s="9">
        <v>17143221.18</v>
      </c>
      <c r="P36" s="9">
        <v>9983900</v>
      </c>
    </row>
    <row r="37" spans="1:16" x14ac:dyDescent="0.25">
      <c r="A37" s="4" t="s">
        <v>98</v>
      </c>
      <c r="B37" s="6" t="s">
        <v>892</v>
      </c>
      <c r="C37" s="9">
        <v>158961085.02000001</v>
      </c>
      <c r="D37" s="9">
        <v>127600976.37</v>
      </c>
      <c r="E37" s="9">
        <v>128885618.87</v>
      </c>
      <c r="F37" s="9">
        <v>142568389.08000001</v>
      </c>
      <c r="G37" s="9">
        <v>134041923.38</v>
      </c>
      <c r="H37" s="9">
        <v>129939732.47</v>
      </c>
      <c r="I37" s="9">
        <v>137948170.34999999</v>
      </c>
      <c r="J37" s="9">
        <v>135621246.62</v>
      </c>
      <c r="K37" s="9">
        <v>131741613.87</v>
      </c>
      <c r="L37" s="9">
        <v>127904384.75</v>
      </c>
      <c r="M37" s="9">
        <v>143477614.56999999</v>
      </c>
      <c r="N37" s="9">
        <v>147354957.44999999</v>
      </c>
      <c r="O37" s="9">
        <v>1646045712.8</v>
      </c>
      <c r="P37" s="9">
        <v>1606907400</v>
      </c>
    </row>
    <row r="38" spans="1:16" x14ac:dyDescent="0.25">
      <c r="A38" s="5" t="s">
        <v>100</v>
      </c>
      <c r="B38" s="7" t="s">
        <v>893</v>
      </c>
      <c r="C38" s="8">
        <v>966606354.61000001</v>
      </c>
      <c r="D38" s="8">
        <v>812742758.28999996</v>
      </c>
      <c r="E38" s="8">
        <v>873323110.54999995</v>
      </c>
      <c r="F38" s="8">
        <v>876009889.80999994</v>
      </c>
      <c r="G38" s="8">
        <v>889540065.72000003</v>
      </c>
      <c r="H38" s="8">
        <v>884342544.64999998</v>
      </c>
      <c r="I38" s="8">
        <v>938538075.49000001</v>
      </c>
      <c r="J38" s="8">
        <v>898157101.51999998</v>
      </c>
      <c r="K38" s="8">
        <v>812610809.63</v>
      </c>
      <c r="L38" s="8">
        <v>829830012.62</v>
      </c>
      <c r="M38" s="8">
        <v>987853025.25</v>
      </c>
      <c r="N38" s="8">
        <v>965589776.90999997</v>
      </c>
      <c r="O38" s="8">
        <v>10735143525.049999</v>
      </c>
      <c r="P38" s="8">
        <v>11754025117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topLeftCell="A52" workbookViewId="0">
      <selection activeCell="E68" sqref="E68"/>
    </sheetView>
  </sheetViews>
  <sheetFormatPr defaultRowHeight="15" x14ac:dyDescent="0.25"/>
  <cols>
    <col min="1" max="1" width="3.7109375" bestFit="1" customWidth="1"/>
    <col min="2" max="2" width="50.140625" bestFit="1" customWidth="1"/>
    <col min="3" max="8" width="19" bestFit="1" customWidth="1"/>
  </cols>
  <sheetData>
    <row r="3" spans="1:8" x14ac:dyDescent="0.25">
      <c r="A3" s="10" t="s">
        <v>0</v>
      </c>
      <c r="B3" s="11"/>
      <c r="C3" s="11"/>
      <c r="D3" s="11"/>
      <c r="E3" s="11"/>
      <c r="F3" s="11"/>
      <c r="G3" s="11"/>
      <c r="H3" s="11"/>
    </row>
    <row r="4" spans="1:8" x14ac:dyDescent="0.25">
      <c r="A4" s="10" t="s">
        <v>1</v>
      </c>
      <c r="B4" s="11"/>
      <c r="C4" s="11"/>
      <c r="D4" s="11"/>
      <c r="E4" s="11"/>
      <c r="F4" s="11"/>
      <c r="G4" s="11"/>
      <c r="H4" s="11"/>
    </row>
    <row r="5" spans="1:8" x14ac:dyDescent="0.25">
      <c r="A5" s="12" t="s">
        <v>894</v>
      </c>
      <c r="B5" s="11"/>
      <c r="C5" s="11"/>
      <c r="D5" s="11"/>
      <c r="E5" s="11"/>
      <c r="F5" s="11"/>
      <c r="G5" s="11"/>
      <c r="H5" s="11"/>
    </row>
    <row r="6" spans="1:8" x14ac:dyDescent="0.25">
      <c r="A6" s="10" t="s">
        <v>3</v>
      </c>
      <c r="B6" s="11"/>
      <c r="C6" s="11"/>
      <c r="D6" s="11"/>
      <c r="E6" s="11"/>
      <c r="F6" s="11"/>
      <c r="G6" s="11"/>
      <c r="H6" s="11"/>
    </row>
    <row r="7" spans="1:8" x14ac:dyDescent="0.25">
      <c r="A7" s="10" t="s">
        <v>4</v>
      </c>
      <c r="B7" s="11"/>
      <c r="C7" s="11"/>
      <c r="D7" s="11"/>
      <c r="E7" s="11"/>
      <c r="F7" s="11"/>
      <c r="G7" s="11"/>
      <c r="H7" s="11"/>
    </row>
    <row r="9" spans="1:8" x14ac:dyDescent="0.25">
      <c r="A9" s="13" t="s">
        <v>895</v>
      </c>
      <c r="B9" s="11"/>
      <c r="C9" s="11"/>
      <c r="D9" s="11"/>
      <c r="E9" s="11"/>
      <c r="F9" s="11"/>
      <c r="G9" s="11"/>
      <c r="H9" s="11"/>
    </row>
    <row r="10" spans="1:8" x14ac:dyDescent="0.25">
      <c r="A10" s="14" t="s">
        <v>6</v>
      </c>
      <c r="B10" s="14" t="s">
        <v>896</v>
      </c>
      <c r="C10" s="14" t="s">
        <v>9</v>
      </c>
      <c r="D10" s="14" t="s">
        <v>873</v>
      </c>
      <c r="E10" s="14" t="s">
        <v>11</v>
      </c>
      <c r="F10" s="14" t="s">
        <v>11</v>
      </c>
    </row>
    <row r="11" spans="1:8" ht="21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" t="s">
        <v>897</v>
      </c>
      <c r="F11" s="1" t="s">
        <v>898</v>
      </c>
    </row>
    <row r="12" spans="1:8" x14ac:dyDescent="0.25">
      <c r="A12" s="5" t="s">
        <v>17</v>
      </c>
      <c r="B12" s="7" t="s">
        <v>874</v>
      </c>
      <c r="C12" s="8">
        <v>2054867500</v>
      </c>
      <c r="D12" s="8">
        <v>4738662900</v>
      </c>
      <c r="E12" s="8">
        <v>2922474529.1599998</v>
      </c>
      <c r="F12" s="8">
        <v>220008458.99000001</v>
      </c>
    </row>
    <row r="13" spans="1:8" x14ac:dyDescent="0.25">
      <c r="A13" s="5" t="s">
        <v>21</v>
      </c>
      <c r="B13" s="7" t="s">
        <v>899</v>
      </c>
      <c r="C13" s="8">
        <v>637754100</v>
      </c>
      <c r="D13" s="8">
        <v>1207364127</v>
      </c>
      <c r="E13" s="8">
        <v>629382136.95000005</v>
      </c>
      <c r="F13" s="8">
        <v>88673013.189999998</v>
      </c>
    </row>
    <row r="14" spans="1:8" x14ac:dyDescent="0.25">
      <c r="A14" s="5" t="s">
        <v>25</v>
      </c>
      <c r="B14" s="7" t="s">
        <v>900</v>
      </c>
      <c r="C14" s="8">
        <v>555686300</v>
      </c>
      <c r="D14" s="8">
        <v>1075338677</v>
      </c>
      <c r="E14" s="8">
        <v>542083196.69000006</v>
      </c>
      <c r="F14" s="8">
        <v>79671794.680000007</v>
      </c>
    </row>
    <row r="15" spans="1:8" x14ac:dyDescent="0.25">
      <c r="A15" s="4" t="s">
        <v>29</v>
      </c>
      <c r="B15" s="6" t="s">
        <v>901</v>
      </c>
      <c r="C15" s="9">
        <v>469476400</v>
      </c>
      <c r="D15" s="9">
        <v>850639277</v>
      </c>
      <c r="E15" s="9">
        <v>337124896.69999999</v>
      </c>
      <c r="F15" s="9">
        <v>55195463.82</v>
      </c>
    </row>
    <row r="16" spans="1:8" x14ac:dyDescent="0.25">
      <c r="A16" s="4" t="s">
        <v>33</v>
      </c>
      <c r="B16" s="6" t="s">
        <v>902</v>
      </c>
      <c r="C16" s="9">
        <v>71112000</v>
      </c>
      <c r="D16" s="9">
        <v>180616200</v>
      </c>
      <c r="E16" s="9">
        <v>178687987.18000001</v>
      </c>
      <c r="F16" s="9">
        <v>21149232.66</v>
      </c>
    </row>
    <row r="17" spans="1:6" x14ac:dyDescent="0.25">
      <c r="A17" s="4" t="s">
        <v>37</v>
      </c>
      <c r="B17" s="6" t="s">
        <v>903</v>
      </c>
      <c r="C17" s="9">
        <v>15097900</v>
      </c>
      <c r="D17" s="9">
        <v>44083200</v>
      </c>
      <c r="E17" s="9">
        <v>26270312.809999999</v>
      </c>
      <c r="F17" s="9">
        <v>3327098.2</v>
      </c>
    </row>
    <row r="18" spans="1:6" x14ac:dyDescent="0.25">
      <c r="A18" s="5" t="s">
        <v>40</v>
      </c>
      <c r="B18" s="7" t="s">
        <v>904</v>
      </c>
      <c r="C18" s="8">
        <v>82067800</v>
      </c>
      <c r="D18" s="8">
        <v>132025450</v>
      </c>
      <c r="E18" s="8">
        <v>87298940.260000005</v>
      </c>
      <c r="F18" s="8">
        <v>9001218.5099999998</v>
      </c>
    </row>
    <row r="19" spans="1:6" x14ac:dyDescent="0.25">
      <c r="A19" s="4" t="s">
        <v>44</v>
      </c>
      <c r="B19" s="6" t="s">
        <v>901</v>
      </c>
      <c r="C19" s="9">
        <v>66681800</v>
      </c>
      <c r="D19" s="9">
        <v>99789450</v>
      </c>
      <c r="E19" s="9">
        <v>66556556.18</v>
      </c>
      <c r="F19" s="9">
        <v>6137579.29</v>
      </c>
    </row>
    <row r="20" spans="1:6" x14ac:dyDescent="0.25">
      <c r="A20" s="4" t="s">
        <v>46</v>
      </c>
      <c r="B20" s="6" t="s">
        <v>902</v>
      </c>
      <c r="C20" s="9">
        <v>14032400</v>
      </c>
      <c r="D20" s="9">
        <v>30032400</v>
      </c>
      <c r="E20" s="9">
        <v>19628707.600000001</v>
      </c>
      <c r="F20" s="9">
        <v>2707956.76</v>
      </c>
    </row>
    <row r="21" spans="1:6" x14ac:dyDescent="0.25">
      <c r="A21" s="4" t="s">
        <v>48</v>
      </c>
      <c r="B21" s="6" t="s">
        <v>903</v>
      </c>
      <c r="C21" s="9">
        <v>1353600</v>
      </c>
      <c r="D21" s="9">
        <v>2203600</v>
      </c>
      <c r="E21" s="9">
        <v>1113676.48</v>
      </c>
      <c r="F21" s="9">
        <v>155682.46</v>
      </c>
    </row>
    <row r="22" spans="1:6" x14ac:dyDescent="0.25">
      <c r="A22" s="5" t="s">
        <v>50</v>
      </c>
      <c r="B22" s="7" t="s">
        <v>905</v>
      </c>
      <c r="C22" s="8">
        <v>845651500</v>
      </c>
      <c r="D22" s="8">
        <v>2263161000</v>
      </c>
      <c r="E22" s="8">
        <v>1547124579.53</v>
      </c>
      <c r="F22" s="8">
        <v>85813573.840000004</v>
      </c>
    </row>
    <row r="23" spans="1:6" x14ac:dyDescent="0.25">
      <c r="A23" s="5" t="s">
        <v>52</v>
      </c>
      <c r="B23" s="7" t="s">
        <v>900</v>
      </c>
      <c r="C23" s="8">
        <v>712629400</v>
      </c>
      <c r="D23" s="8">
        <v>1893842150</v>
      </c>
      <c r="E23" s="8">
        <v>1281770246.72</v>
      </c>
      <c r="F23" s="8">
        <v>77763598.840000004</v>
      </c>
    </row>
    <row r="24" spans="1:6" x14ac:dyDescent="0.25">
      <c r="A24" s="4" t="s">
        <v>56</v>
      </c>
      <c r="B24" s="6" t="s">
        <v>901</v>
      </c>
      <c r="C24" s="9">
        <v>623974600</v>
      </c>
      <c r="D24" s="9">
        <v>1391303050</v>
      </c>
      <c r="E24" s="9">
        <v>752207806.04999995</v>
      </c>
      <c r="F24" s="9">
        <v>75934998.980000004</v>
      </c>
    </row>
    <row r="25" spans="1:6" x14ac:dyDescent="0.25">
      <c r="A25" s="4" t="s">
        <v>60</v>
      </c>
      <c r="B25" s="6" t="s">
        <v>902</v>
      </c>
      <c r="C25" s="9">
        <v>77150200</v>
      </c>
      <c r="D25" s="9">
        <v>439611400</v>
      </c>
      <c r="E25" s="9">
        <v>458351183.95999998</v>
      </c>
      <c r="F25" s="9">
        <v>1589401.18</v>
      </c>
    </row>
    <row r="26" spans="1:6" x14ac:dyDescent="0.25">
      <c r="A26" s="4" t="s">
        <v>64</v>
      </c>
      <c r="B26" s="6" t="s">
        <v>903</v>
      </c>
      <c r="C26" s="9">
        <v>11504600</v>
      </c>
      <c r="D26" s="9">
        <v>62927700</v>
      </c>
      <c r="E26" s="9">
        <v>71211256.709999993</v>
      </c>
      <c r="F26" s="9">
        <v>239198.68</v>
      </c>
    </row>
    <row r="27" spans="1:6" x14ac:dyDescent="0.25">
      <c r="A27" s="5" t="s">
        <v>66</v>
      </c>
      <c r="B27" s="7" t="s">
        <v>904</v>
      </c>
      <c r="C27" s="8">
        <v>133022100</v>
      </c>
      <c r="D27" s="8">
        <v>369318850</v>
      </c>
      <c r="E27" s="8">
        <v>265354332.81</v>
      </c>
      <c r="F27" s="8">
        <v>4839894.88</v>
      </c>
    </row>
    <row r="28" spans="1:6" x14ac:dyDescent="0.25">
      <c r="A28" s="4" t="s">
        <v>70</v>
      </c>
      <c r="B28" s="6" t="s">
        <v>901</v>
      </c>
      <c r="C28" s="9">
        <v>126051600</v>
      </c>
      <c r="D28" s="9">
        <v>296378350</v>
      </c>
      <c r="E28" s="9">
        <v>143399995.55000001</v>
      </c>
      <c r="F28" s="9">
        <v>4823761.76</v>
      </c>
    </row>
    <row r="29" spans="1:6" x14ac:dyDescent="0.25">
      <c r="A29" s="4" t="s">
        <v>72</v>
      </c>
      <c r="B29" s="6" t="s">
        <v>902</v>
      </c>
      <c r="C29" s="9">
        <v>6037900</v>
      </c>
      <c r="D29" s="9">
        <v>65087900</v>
      </c>
      <c r="E29" s="9">
        <v>107283025.40000001</v>
      </c>
      <c r="F29" s="9">
        <v>16133.12</v>
      </c>
    </row>
    <row r="30" spans="1:6" x14ac:dyDescent="0.25">
      <c r="A30" s="4" t="s">
        <v>76</v>
      </c>
      <c r="B30" s="6" t="s">
        <v>903</v>
      </c>
      <c r="C30" s="9">
        <v>932600</v>
      </c>
      <c r="D30" s="9">
        <v>7852600</v>
      </c>
      <c r="E30" s="9">
        <v>14671311.859999999</v>
      </c>
      <c r="F30" s="9">
        <v>0</v>
      </c>
    </row>
    <row r="31" spans="1:6" x14ac:dyDescent="0.25">
      <c r="A31" s="4" t="s">
        <v>78</v>
      </c>
      <c r="B31" s="6" t="s">
        <v>906</v>
      </c>
      <c r="C31" s="9">
        <v>0</v>
      </c>
      <c r="D31" s="9">
        <v>0</v>
      </c>
      <c r="E31" s="9">
        <v>0</v>
      </c>
      <c r="F31" s="9">
        <v>3210080.12</v>
      </c>
    </row>
    <row r="32" spans="1:6" x14ac:dyDescent="0.25">
      <c r="A32" s="5" t="s">
        <v>80</v>
      </c>
      <c r="B32" s="7" t="s">
        <v>907</v>
      </c>
      <c r="C32" s="8">
        <v>96732500</v>
      </c>
      <c r="D32" s="8">
        <v>96814500</v>
      </c>
      <c r="E32" s="8">
        <v>4311303.92</v>
      </c>
      <c r="F32" s="8">
        <v>32861189.370000001</v>
      </c>
    </row>
    <row r="33" spans="1:8" x14ac:dyDescent="0.25">
      <c r="A33" s="4" t="s">
        <v>82</v>
      </c>
      <c r="B33" s="6" t="s">
        <v>908</v>
      </c>
      <c r="C33" s="9">
        <v>13200</v>
      </c>
      <c r="D33" s="9">
        <v>15200</v>
      </c>
      <c r="E33" s="9">
        <v>1954</v>
      </c>
      <c r="F33" s="9">
        <v>0</v>
      </c>
    </row>
    <row r="34" spans="1:8" x14ac:dyDescent="0.25">
      <c r="A34" s="4" t="s">
        <v>86</v>
      </c>
      <c r="B34" s="6" t="s">
        <v>909</v>
      </c>
      <c r="C34" s="9">
        <v>96719300</v>
      </c>
      <c r="D34" s="9">
        <v>96799300</v>
      </c>
      <c r="E34" s="9">
        <v>4309349.92</v>
      </c>
      <c r="F34" s="9">
        <v>32861189.370000001</v>
      </c>
    </row>
    <row r="35" spans="1:8" x14ac:dyDescent="0.25">
      <c r="A35" s="4" t="s">
        <v>90</v>
      </c>
      <c r="B35" s="6" t="s">
        <v>910</v>
      </c>
      <c r="C35" s="9">
        <v>0</v>
      </c>
      <c r="D35" s="9">
        <v>0</v>
      </c>
      <c r="E35" s="9">
        <v>0</v>
      </c>
      <c r="F35" s="9">
        <v>0</v>
      </c>
    </row>
    <row r="36" spans="1:8" x14ac:dyDescent="0.25">
      <c r="A36" s="4" t="s">
        <v>94</v>
      </c>
      <c r="B36" s="6" t="s">
        <v>911</v>
      </c>
      <c r="C36" s="9">
        <v>0</v>
      </c>
      <c r="D36" s="9">
        <v>0</v>
      </c>
      <c r="E36" s="9">
        <v>0</v>
      </c>
      <c r="F36" s="9">
        <v>0</v>
      </c>
    </row>
    <row r="37" spans="1:8" x14ac:dyDescent="0.25">
      <c r="A37" s="5" t="s">
        <v>98</v>
      </c>
      <c r="B37" s="7" t="s">
        <v>912</v>
      </c>
      <c r="C37" s="8">
        <v>474729400</v>
      </c>
      <c r="D37" s="8">
        <v>1171323273</v>
      </c>
      <c r="E37" s="8">
        <v>741656508.75999999</v>
      </c>
      <c r="F37" s="8">
        <v>12660682.59</v>
      </c>
    </row>
    <row r="38" spans="1:8" x14ac:dyDescent="0.25">
      <c r="A38" s="4" t="s">
        <v>100</v>
      </c>
      <c r="B38" s="6" t="s">
        <v>913</v>
      </c>
      <c r="C38" s="9">
        <v>6868800</v>
      </c>
      <c r="D38" s="9">
        <v>6868800</v>
      </c>
      <c r="E38" s="9">
        <v>15514158.859999999</v>
      </c>
      <c r="F38" s="9">
        <v>0</v>
      </c>
    </row>
    <row r="39" spans="1:8" x14ac:dyDescent="0.25">
      <c r="A39" s="4" t="s">
        <v>104</v>
      </c>
      <c r="B39" s="6" t="s">
        <v>914</v>
      </c>
      <c r="C39" s="9">
        <v>426393800</v>
      </c>
      <c r="D39" s="9">
        <v>1122168073</v>
      </c>
      <c r="E39" s="9">
        <v>719848488.63</v>
      </c>
      <c r="F39" s="9">
        <v>0</v>
      </c>
    </row>
    <row r="40" spans="1:8" x14ac:dyDescent="0.25">
      <c r="A40" s="4" t="s">
        <v>108</v>
      </c>
      <c r="B40" s="6" t="s">
        <v>915</v>
      </c>
      <c r="C40" s="9">
        <v>41466800</v>
      </c>
      <c r="D40" s="9">
        <v>42286400</v>
      </c>
      <c r="E40" s="9">
        <v>6293861.2699999996</v>
      </c>
      <c r="F40" s="9">
        <v>12660682.59</v>
      </c>
    </row>
    <row r="41" spans="1:8" x14ac:dyDescent="0.25">
      <c r="A41" s="5" t="s">
        <v>112</v>
      </c>
      <c r="B41" s="7" t="s">
        <v>916</v>
      </c>
      <c r="C41" s="8">
        <v>0</v>
      </c>
      <c r="D41" s="8">
        <v>0</v>
      </c>
      <c r="E41" s="8">
        <v>0</v>
      </c>
      <c r="F41" s="8">
        <v>0</v>
      </c>
    </row>
    <row r="42" spans="1:8" x14ac:dyDescent="0.25">
      <c r="A42" s="4" t="s">
        <v>114</v>
      </c>
      <c r="B42" s="6" t="s">
        <v>917</v>
      </c>
      <c r="C42" s="9">
        <v>0</v>
      </c>
      <c r="D42" s="9">
        <v>0</v>
      </c>
      <c r="E42" s="9">
        <v>0</v>
      </c>
      <c r="F42" s="9">
        <v>0</v>
      </c>
    </row>
    <row r="43" spans="1:8" x14ac:dyDescent="0.25">
      <c r="A43" s="4" t="s">
        <v>118</v>
      </c>
      <c r="B43" s="6" t="s">
        <v>918</v>
      </c>
      <c r="C43" s="9">
        <v>0</v>
      </c>
      <c r="D43" s="9">
        <v>0</v>
      </c>
      <c r="E43" s="9">
        <v>0</v>
      </c>
      <c r="F43" s="9">
        <v>0</v>
      </c>
    </row>
    <row r="44" spans="1:8" x14ac:dyDescent="0.25">
      <c r="A44" s="4" t="s">
        <v>122</v>
      </c>
      <c r="B44" s="6" t="s">
        <v>919</v>
      </c>
      <c r="C44" s="9">
        <v>0</v>
      </c>
      <c r="D44" s="9">
        <v>0</v>
      </c>
      <c r="E44" s="9">
        <v>0</v>
      </c>
      <c r="F44" s="9">
        <v>0</v>
      </c>
    </row>
    <row r="45" spans="1:8" x14ac:dyDescent="0.25">
      <c r="A45" s="4" t="s">
        <v>126</v>
      </c>
      <c r="B45" s="6" t="s">
        <v>920</v>
      </c>
      <c r="C45" s="9">
        <v>1628473700</v>
      </c>
      <c r="D45" s="9">
        <v>3616494827</v>
      </c>
      <c r="E45" s="9">
        <v>2202626040.5300002</v>
      </c>
      <c r="F45" s="9">
        <v>220008458.99000001</v>
      </c>
    </row>
    <row r="47" spans="1:8" x14ac:dyDescent="0.25">
      <c r="A47" s="14" t="s">
        <v>6</v>
      </c>
      <c r="B47" s="14" t="s">
        <v>921</v>
      </c>
      <c r="C47" s="14" t="s">
        <v>463</v>
      </c>
      <c r="D47" s="14" t="s">
        <v>922</v>
      </c>
      <c r="E47" s="14" t="s">
        <v>250</v>
      </c>
      <c r="F47" s="14" t="s">
        <v>7</v>
      </c>
      <c r="G47" s="14" t="s">
        <v>254</v>
      </c>
      <c r="H47" s="14" t="s">
        <v>254</v>
      </c>
    </row>
    <row r="48" spans="1:8" ht="21" x14ac:dyDescent="0.25">
      <c r="A48" s="14" t="s">
        <v>7</v>
      </c>
      <c r="B48" s="14" t="s">
        <v>7</v>
      </c>
      <c r="C48" s="14" t="s">
        <v>7</v>
      </c>
      <c r="D48" s="14" t="s">
        <v>7</v>
      </c>
      <c r="E48" s="1" t="s">
        <v>897</v>
      </c>
      <c r="F48" s="1" t="s">
        <v>898</v>
      </c>
      <c r="G48" s="1" t="s">
        <v>897</v>
      </c>
      <c r="H48" s="1" t="s">
        <v>898</v>
      </c>
    </row>
    <row r="49" spans="1:8" x14ac:dyDescent="0.25">
      <c r="A49" s="5" t="s">
        <v>129</v>
      </c>
      <c r="B49" s="7" t="s">
        <v>923</v>
      </c>
      <c r="C49" s="8">
        <v>59420400</v>
      </c>
      <c r="D49" s="8">
        <v>79525733.260000005</v>
      </c>
      <c r="E49" s="8">
        <v>9043508.7200000007</v>
      </c>
      <c r="F49" s="8">
        <v>718450.41</v>
      </c>
      <c r="G49" s="8">
        <v>8852051.7699999996</v>
      </c>
      <c r="H49" s="8">
        <v>717971.19</v>
      </c>
    </row>
    <row r="50" spans="1:8" x14ac:dyDescent="0.25">
      <c r="A50" s="4" t="s">
        <v>131</v>
      </c>
      <c r="B50" s="6" t="s">
        <v>924</v>
      </c>
      <c r="C50" s="9">
        <v>51940400</v>
      </c>
      <c r="D50" s="9">
        <v>65675733.259999998</v>
      </c>
      <c r="E50" s="9">
        <v>9043508.7200000007</v>
      </c>
      <c r="F50" s="9">
        <v>718450.41</v>
      </c>
      <c r="G50" s="9">
        <v>8852051.7699999996</v>
      </c>
      <c r="H50" s="9">
        <v>717971.19</v>
      </c>
    </row>
    <row r="51" spans="1:8" x14ac:dyDescent="0.25">
      <c r="A51" s="4" t="s">
        <v>133</v>
      </c>
      <c r="B51" s="6" t="s">
        <v>925</v>
      </c>
      <c r="C51" s="9">
        <v>7480000</v>
      </c>
      <c r="D51" s="9">
        <v>13850000</v>
      </c>
      <c r="E51" s="9">
        <v>0</v>
      </c>
      <c r="F51" s="9">
        <v>0</v>
      </c>
      <c r="G51" s="9">
        <v>0</v>
      </c>
      <c r="H51" s="9">
        <v>0</v>
      </c>
    </row>
    <row r="52" spans="1:8" x14ac:dyDescent="0.25">
      <c r="A52" s="5" t="s">
        <v>137</v>
      </c>
      <c r="B52" s="7" t="s">
        <v>926</v>
      </c>
      <c r="C52" s="8">
        <v>2122079100</v>
      </c>
      <c r="D52" s="8">
        <v>4670769166.7399998</v>
      </c>
      <c r="E52" s="8">
        <v>3077503351.48</v>
      </c>
      <c r="F52" s="8">
        <v>637642169.42999995</v>
      </c>
      <c r="G52" s="8">
        <v>2819361977.8699999</v>
      </c>
      <c r="H52" s="8">
        <v>623631981.08000004</v>
      </c>
    </row>
    <row r="53" spans="1:8" x14ac:dyDescent="0.25">
      <c r="A53" s="5" t="s">
        <v>141</v>
      </c>
      <c r="B53" s="7" t="s">
        <v>927</v>
      </c>
      <c r="C53" s="8">
        <v>1671009600</v>
      </c>
      <c r="D53" s="8">
        <v>3911066113.0100002</v>
      </c>
      <c r="E53" s="8">
        <v>2582098666.9299998</v>
      </c>
      <c r="F53" s="8">
        <v>534265249.24000001</v>
      </c>
      <c r="G53" s="8">
        <v>2364094907.5900002</v>
      </c>
      <c r="H53" s="8">
        <v>521884972.38</v>
      </c>
    </row>
    <row r="54" spans="1:8" x14ac:dyDescent="0.25">
      <c r="A54" s="4" t="s">
        <v>145</v>
      </c>
      <c r="B54" s="6" t="s">
        <v>928</v>
      </c>
      <c r="C54" s="9">
        <v>1433234700</v>
      </c>
      <c r="D54" s="9">
        <v>3350231659.7600002</v>
      </c>
      <c r="E54" s="9">
        <v>2223298344.27</v>
      </c>
      <c r="F54" s="9">
        <v>454411514.16000003</v>
      </c>
      <c r="G54" s="9">
        <v>2033114155.54</v>
      </c>
      <c r="H54" s="9">
        <v>445231534.67000002</v>
      </c>
    </row>
    <row r="55" spans="1:8" x14ac:dyDescent="0.25">
      <c r="A55" s="4" t="s">
        <v>147</v>
      </c>
      <c r="B55" s="6" t="s">
        <v>929</v>
      </c>
      <c r="C55" s="9">
        <v>158309000</v>
      </c>
      <c r="D55" s="9">
        <v>485121840.60000002</v>
      </c>
      <c r="E55" s="9">
        <v>338134750.83999997</v>
      </c>
      <c r="F55" s="9">
        <v>73397268.680000007</v>
      </c>
      <c r="G55" s="9">
        <v>310675040.89999998</v>
      </c>
      <c r="H55" s="9">
        <v>70801602.099999994</v>
      </c>
    </row>
    <row r="56" spans="1:8" x14ac:dyDescent="0.25">
      <c r="A56" s="4" t="s">
        <v>151</v>
      </c>
      <c r="B56" s="6" t="s">
        <v>930</v>
      </c>
      <c r="C56" s="9">
        <v>79465900</v>
      </c>
      <c r="D56" s="9">
        <v>75712612.650000006</v>
      </c>
      <c r="E56" s="9">
        <v>20665571.82</v>
      </c>
      <c r="F56" s="9">
        <v>6456466.4000000004</v>
      </c>
      <c r="G56" s="9">
        <v>20305711.149999999</v>
      </c>
      <c r="H56" s="9">
        <v>5851835.6100000003</v>
      </c>
    </row>
    <row r="57" spans="1:8" x14ac:dyDescent="0.25">
      <c r="A57" s="5" t="s">
        <v>155</v>
      </c>
      <c r="B57" s="7" t="s">
        <v>931</v>
      </c>
      <c r="C57" s="8">
        <v>295639100</v>
      </c>
      <c r="D57" s="8">
        <v>749459586.99000001</v>
      </c>
      <c r="E57" s="8">
        <v>491754534.64999998</v>
      </c>
      <c r="F57" s="8">
        <v>103376920.19</v>
      </c>
      <c r="G57" s="8">
        <v>451616920.38</v>
      </c>
      <c r="H57" s="8">
        <v>101747008.7</v>
      </c>
    </row>
    <row r="58" spans="1:8" x14ac:dyDescent="0.25">
      <c r="A58" s="4" t="s">
        <v>158</v>
      </c>
      <c r="B58" s="6" t="s">
        <v>932</v>
      </c>
      <c r="C58" s="9">
        <v>240734300</v>
      </c>
      <c r="D58" s="9">
        <v>639435673.15999997</v>
      </c>
      <c r="E58" s="9">
        <v>431656587.70999998</v>
      </c>
      <c r="F58" s="9">
        <v>90402752.409999996</v>
      </c>
      <c r="G58" s="9">
        <v>396247973.44</v>
      </c>
      <c r="H58" s="9">
        <v>88977621.450000003</v>
      </c>
    </row>
    <row r="59" spans="1:8" x14ac:dyDescent="0.25">
      <c r="A59" s="4" t="s">
        <v>161</v>
      </c>
      <c r="B59" s="6" t="s">
        <v>929</v>
      </c>
      <c r="C59" s="9">
        <v>36400000</v>
      </c>
      <c r="D59" s="9">
        <v>90629826.480000004</v>
      </c>
      <c r="E59" s="9">
        <v>58824599.799999997</v>
      </c>
      <c r="F59" s="9">
        <v>12884167.779999999</v>
      </c>
      <c r="G59" s="9">
        <v>54095599.799999997</v>
      </c>
      <c r="H59" s="9">
        <v>12725770.82</v>
      </c>
    </row>
    <row r="60" spans="1:8" x14ac:dyDescent="0.25">
      <c r="A60" s="4" t="s">
        <v>163</v>
      </c>
      <c r="B60" s="6" t="s">
        <v>930</v>
      </c>
      <c r="C60" s="9">
        <v>18504800</v>
      </c>
      <c r="D60" s="9">
        <v>19394087.350000001</v>
      </c>
      <c r="E60" s="9">
        <v>1273347.1399999999</v>
      </c>
      <c r="F60" s="9">
        <v>90000</v>
      </c>
      <c r="G60" s="9">
        <v>1273347.1399999999</v>
      </c>
      <c r="H60" s="9">
        <v>43616.43</v>
      </c>
    </row>
    <row r="61" spans="1:8" x14ac:dyDescent="0.25">
      <c r="A61" s="5" t="s">
        <v>167</v>
      </c>
      <c r="B61" s="7" t="s">
        <v>933</v>
      </c>
      <c r="C61" s="8">
        <v>155430400</v>
      </c>
      <c r="D61" s="8">
        <v>10243466.74</v>
      </c>
      <c r="E61" s="8">
        <v>3650149.9</v>
      </c>
      <c r="F61" s="8">
        <v>0</v>
      </c>
      <c r="G61" s="8">
        <v>3650149.9</v>
      </c>
      <c r="H61" s="8">
        <v>0</v>
      </c>
    </row>
    <row r="62" spans="1:8" x14ac:dyDescent="0.25">
      <c r="A62" s="4" t="s">
        <v>171</v>
      </c>
      <c r="B62" s="6" t="s">
        <v>934</v>
      </c>
      <c r="C62" s="9">
        <v>5458100</v>
      </c>
      <c r="D62" s="9">
        <v>9690266.7400000002</v>
      </c>
      <c r="E62" s="9">
        <v>3650149.9</v>
      </c>
      <c r="F62" s="9">
        <v>0</v>
      </c>
      <c r="G62" s="9">
        <v>3650149.9</v>
      </c>
      <c r="H62" s="9">
        <v>0</v>
      </c>
    </row>
    <row r="63" spans="1:8" x14ac:dyDescent="0.25">
      <c r="A63" s="4" t="s">
        <v>175</v>
      </c>
      <c r="B63" s="6" t="s">
        <v>935</v>
      </c>
      <c r="C63" s="9">
        <v>149972300</v>
      </c>
      <c r="D63" s="9">
        <v>553200</v>
      </c>
      <c r="E63" s="9">
        <v>0</v>
      </c>
      <c r="F63" s="9">
        <v>0</v>
      </c>
      <c r="G63" s="9">
        <v>0</v>
      </c>
      <c r="H63" s="9">
        <v>0</v>
      </c>
    </row>
    <row r="64" spans="1:8" x14ac:dyDescent="0.25">
      <c r="A64" s="5" t="s">
        <v>177</v>
      </c>
      <c r="B64" s="7" t="s">
        <v>936</v>
      </c>
      <c r="C64" s="8">
        <v>2181499500</v>
      </c>
      <c r="D64" s="8">
        <v>4750294900</v>
      </c>
      <c r="E64" s="8">
        <v>3086546860.1999998</v>
      </c>
      <c r="F64" s="8">
        <v>638360619.84000003</v>
      </c>
      <c r="G64" s="8">
        <v>2828214029.6399999</v>
      </c>
      <c r="H64" s="8">
        <v>624349952.26999998</v>
      </c>
    </row>
    <row r="66" spans="1:8" x14ac:dyDescent="0.25">
      <c r="A66" s="14" t="s">
        <v>6</v>
      </c>
      <c r="B66" s="14" t="s">
        <v>937</v>
      </c>
      <c r="C66" s="14" t="s">
        <v>463</v>
      </c>
      <c r="D66" s="14" t="s">
        <v>922</v>
      </c>
      <c r="E66" s="14" t="s">
        <v>250</v>
      </c>
      <c r="F66" s="14" t="s">
        <v>7</v>
      </c>
      <c r="G66" s="14" t="s">
        <v>254</v>
      </c>
      <c r="H66" s="14" t="s">
        <v>254</v>
      </c>
    </row>
    <row r="67" spans="1:8" ht="21" x14ac:dyDescent="0.25">
      <c r="A67" s="14" t="s">
        <v>7</v>
      </c>
      <c r="B67" s="14" t="s">
        <v>7</v>
      </c>
      <c r="C67" s="14" t="s">
        <v>7</v>
      </c>
      <c r="D67" s="14" t="s">
        <v>7</v>
      </c>
      <c r="E67" s="1" t="s">
        <v>897</v>
      </c>
      <c r="F67" s="1" t="s">
        <v>898</v>
      </c>
      <c r="G67" s="1" t="s">
        <v>897</v>
      </c>
      <c r="H67" s="1" t="s">
        <v>898</v>
      </c>
    </row>
    <row r="68" spans="1:8" x14ac:dyDescent="0.25">
      <c r="A68" s="4" t="s">
        <v>181</v>
      </c>
      <c r="B68" s="6" t="s">
        <v>938</v>
      </c>
      <c r="C68" s="9">
        <v>-553025800</v>
      </c>
      <c r="D68" s="9">
        <v>-1133800073</v>
      </c>
      <c r="E68" s="9">
        <v>-883920819.66999996</v>
      </c>
      <c r="F68" s="9">
        <v>-418352160.85000002</v>
      </c>
      <c r="G68" s="9">
        <v>-625587989.11000001</v>
      </c>
      <c r="H68" s="9">
        <v>-404341493.27999997</v>
      </c>
    </row>
    <row r="70" spans="1:8" x14ac:dyDescent="0.25">
      <c r="A70" s="14" t="s">
        <v>6</v>
      </c>
      <c r="B70" s="14" t="s">
        <v>939</v>
      </c>
      <c r="C70" s="14" t="s">
        <v>940</v>
      </c>
    </row>
    <row r="71" spans="1:8" x14ac:dyDescent="0.25">
      <c r="A71" s="14" t="s">
        <v>7</v>
      </c>
      <c r="B71" s="14" t="s">
        <v>7</v>
      </c>
      <c r="C71" s="14" t="s">
        <v>7</v>
      </c>
    </row>
    <row r="72" spans="1:8" x14ac:dyDescent="0.25">
      <c r="A72" s="4" t="s">
        <v>185</v>
      </c>
      <c r="B72" s="6" t="s">
        <v>941</v>
      </c>
      <c r="C72" s="2" t="s">
        <v>39</v>
      </c>
    </row>
    <row r="74" spans="1:8" x14ac:dyDescent="0.25">
      <c r="A74" s="14" t="s">
        <v>6</v>
      </c>
      <c r="B74" s="14" t="s">
        <v>942</v>
      </c>
      <c r="C74" s="14" t="s">
        <v>940</v>
      </c>
    </row>
    <row r="75" spans="1:8" x14ac:dyDescent="0.25">
      <c r="A75" s="14" t="s">
        <v>7</v>
      </c>
      <c r="B75" s="14" t="s">
        <v>7</v>
      </c>
      <c r="C75" s="14" t="s">
        <v>7</v>
      </c>
    </row>
    <row r="76" spans="1:8" x14ac:dyDescent="0.25">
      <c r="A76" s="4" t="s">
        <v>188</v>
      </c>
      <c r="B76" s="6" t="s">
        <v>941</v>
      </c>
      <c r="C76" s="9">
        <v>149972300</v>
      </c>
    </row>
    <row r="78" spans="1:8" x14ac:dyDescent="0.25">
      <c r="A78" s="14" t="s">
        <v>6</v>
      </c>
      <c r="B78" s="14" t="s">
        <v>943</v>
      </c>
      <c r="C78" s="14" t="s">
        <v>944</v>
      </c>
    </row>
    <row r="79" spans="1:8" x14ac:dyDescent="0.25">
      <c r="A79" s="14" t="s">
        <v>7</v>
      </c>
      <c r="B79" s="14" t="s">
        <v>7</v>
      </c>
      <c r="C79" s="14" t="s">
        <v>7</v>
      </c>
    </row>
    <row r="80" spans="1:8" x14ac:dyDescent="0.25">
      <c r="A80" s="4" t="s">
        <v>191</v>
      </c>
      <c r="B80" s="6" t="s">
        <v>945</v>
      </c>
      <c r="C80" s="9" t="s">
        <v>39</v>
      </c>
    </row>
    <row r="81" spans="1:6" x14ac:dyDescent="0.25">
      <c r="A81" s="4" t="s">
        <v>194</v>
      </c>
      <c r="B81" s="6" t="s">
        <v>946</v>
      </c>
      <c r="C81" s="9" t="s">
        <v>39</v>
      </c>
    </row>
    <row r="82" spans="1:6" x14ac:dyDescent="0.25">
      <c r="A82" s="4" t="s">
        <v>197</v>
      </c>
      <c r="B82" s="6" t="s">
        <v>947</v>
      </c>
      <c r="C82" s="9" t="s">
        <v>39</v>
      </c>
    </row>
    <row r="83" spans="1:6" x14ac:dyDescent="0.25">
      <c r="A83" s="4" t="s">
        <v>198</v>
      </c>
      <c r="B83" s="6" t="s">
        <v>948</v>
      </c>
      <c r="C83" s="9">
        <v>79518289.430000007</v>
      </c>
    </row>
    <row r="85" spans="1:6" x14ac:dyDescent="0.25">
      <c r="A85" s="14" t="s">
        <v>6</v>
      </c>
      <c r="B85" s="14" t="s">
        <v>949</v>
      </c>
      <c r="C85" s="14" t="s">
        <v>950</v>
      </c>
      <c r="D85" s="14" t="s">
        <v>950</v>
      </c>
    </row>
    <row r="86" spans="1:6" x14ac:dyDescent="0.25">
      <c r="A86" s="14" t="s">
        <v>7</v>
      </c>
      <c r="B86" s="14" t="s">
        <v>7</v>
      </c>
      <c r="C86" s="1" t="s">
        <v>951</v>
      </c>
      <c r="D86" s="1" t="s">
        <v>952</v>
      </c>
    </row>
    <row r="87" spans="1:6" x14ac:dyDescent="0.25">
      <c r="A87" s="4" t="s">
        <v>199</v>
      </c>
      <c r="B87" s="6" t="s">
        <v>953</v>
      </c>
      <c r="C87" s="9">
        <v>128208.25</v>
      </c>
      <c r="D87" s="9">
        <v>411243.04</v>
      </c>
    </row>
    <row r="88" spans="1:6" x14ac:dyDescent="0.25">
      <c r="A88" s="4" t="s">
        <v>200</v>
      </c>
      <c r="B88" s="6" t="s">
        <v>954</v>
      </c>
      <c r="C88" s="9">
        <v>73926805.219999999</v>
      </c>
      <c r="D88" s="9">
        <v>77153274.579999998</v>
      </c>
    </row>
    <row r="89" spans="1:6" x14ac:dyDescent="0.25">
      <c r="A89" s="4" t="s">
        <v>201</v>
      </c>
      <c r="B89" s="6" t="s">
        <v>955</v>
      </c>
      <c r="C89" s="9" t="s">
        <v>39</v>
      </c>
      <c r="D89" s="9">
        <v>610116645.12</v>
      </c>
    </row>
    <row r="91" spans="1:6" x14ac:dyDescent="0.25">
      <c r="A91" s="14" t="s">
        <v>6</v>
      </c>
      <c r="B91" s="14" t="s">
        <v>956</v>
      </c>
      <c r="C91" s="14" t="s">
        <v>9</v>
      </c>
      <c r="D91" s="14" t="s">
        <v>873</v>
      </c>
      <c r="E91" s="14" t="s">
        <v>11</v>
      </c>
      <c r="F91" s="14" t="s">
        <v>11</v>
      </c>
    </row>
    <row r="92" spans="1:6" ht="21" x14ac:dyDescent="0.25">
      <c r="A92" s="14" t="s">
        <v>7</v>
      </c>
      <c r="B92" s="14" t="s">
        <v>7</v>
      </c>
      <c r="C92" s="14" t="s">
        <v>7</v>
      </c>
      <c r="D92" s="14" t="s">
        <v>7</v>
      </c>
      <c r="E92" s="1" t="s">
        <v>897</v>
      </c>
      <c r="F92" s="1" t="s">
        <v>898</v>
      </c>
    </row>
    <row r="93" spans="1:6" x14ac:dyDescent="0.25">
      <c r="A93" s="5" t="s">
        <v>204</v>
      </c>
      <c r="B93" s="7" t="s">
        <v>957</v>
      </c>
      <c r="C93" s="8" t="s">
        <v>39</v>
      </c>
      <c r="D93" s="8" t="s">
        <v>39</v>
      </c>
      <c r="E93" s="8" t="s">
        <v>39</v>
      </c>
      <c r="F93" s="8">
        <v>1747232960.9200001</v>
      </c>
    </row>
    <row r="94" spans="1:6" x14ac:dyDescent="0.25">
      <c r="A94" s="5" t="s">
        <v>206</v>
      </c>
      <c r="B94" s="7" t="s">
        <v>958</v>
      </c>
      <c r="C94" s="8" t="s">
        <v>39</v>
      </c>
      <c r="D94" s="8" t="s">
        <v>39</v>
      </c>
      <c r="E94" s="8" t="s">
        <v>39</v>
      </c>
      <c r="F94" s="8">
        <v>360373688.47000003</v>
      </c>
    </row>
    <row r="95" spans="1:6" x14ac:dyDescent="0.25">
      <c r="A95" s="5" t="s">
        <v>208</v>
      </c>
      <c r="B95" s="7" t="s">
        <v>959</v>
      </c>
      <c r="C95" s="8" t="s">
        <v>39</v>
      </c>
      <c r="D95" s="8" t="s">
        <v>39</v>
      </c>
      <c r="E95" s="8" t="s">
        <v>39</v>
      </c>
      <c r="F95" s="8">
        <v>307217627.67000002</v>
      </c>
    </row>
    <row r="96" spans="1:6" x14ac:dyDescent="0.25">
      <c r="A96" s="4" t="s">
        <v>210</v>
      </c>
      <c r="B96" s="6" t="s">
        <v>960</v>
      </c>
      <c r="C96" s="9" t="s">
        <v>39</v>
      </c>
      <c r="D96" s="9" t="s">
        <v>39</v>
      </c>
      <c r="E96" s="9" t="s">
        <v>39</v>
      </c>
      <c r="F96" s="9">
        <v>222773787.16</v>
      </c>
    </row>
    <row r="97" spans="1:6" x14ac:dyDescent="0.25">
      <c r="A97" s="4" t="s">
        <v>212</v>
      </c>
      <c r="B97" s="6" t="s">
        <v>961</v>
      </c>
      <c r="C97" s="9" t="s">
        <v>39</v>
      </c>
      <c r="D97" s="9" t="s">
        <v>39</v>
      </c>
      <c r="E97" s="9" t="s">
        <v>39</v>
      </c>
      <c r="F97" s="9">
        <v>71160642.700000003</v>
      </c>
    </row>
    <row r="98" spans="1:6" x14ac:dyDescent="0.25">
      <c r="A98" s="4" t="s">
        <v>216</v>
      </c>
      <c r="B98" s="6" t="s">
        <v>962</v>
      </c>
      <c r="C98" s="9" t="s">
        <v>39</v>
      </c>
      <c r="D98" s="9" t="s">
        <v>39</v>
      </c>
      <c r="E98" s="9" t="s">
        <v>39</v>
      </c>
      <c r="F98" s="9">
        <v>13283197.810000001</v>
      </c>
    </row>
    <row r="99" spans="1:6" x14ac:dyDescent="0.25">
      <c r="A99" s="5" t="s">
        <v>220</v>
      </c>
      <c r="B99" s="7" t="s">
        <v>963</v>
      </c>
      <c r="C99" s="8" t="s">
        <v>39</v>
      </c>
      <c r="D99" s="8" t="s">
        <v>39</v>
      </c>
      <c r="E99" s="8" t="s">
        <v>39</v>
      </c>
      <c r="F99" s="8">
        <v>53156060.799999997</v>
      </c>
    </row>
    <row r="100" spans="1:6" x14ac:dyDescent="0.25">
      <c r="A100" s="4" t="s">
        <v>222</v>
      </c>
      <c r="B100" s="6" t="s">
        <v>960</v>
      </c>
      <c r="C100" s="9" t="s">
        <v>39</v>
      </c>
      <c r="D100" s="9" t="s">
        <v>39</v>
      </c>
      <c r="E100" s="9" t="s">
        <v>39</v>
      </c>
      <c r="F100" s="9">
        <v>42513901.740000002</v>
      </c>
    </row>
    <row r="101" spans="1:6" x14ac:dyDescent="0.25">
      <c r="A101" s="4" t="s">
        <v>224</v>
      </c>
      <c r="B101" s="6" t="s">
        <v>961</v>
      </c>
      <c r="C101" s="9" t="s">
        <v>39</v>
      </c>
      <c r="D101" s="9" t="s">
        <v>39</v>
      </c>
      <c r="E101" s="9" t="s">
        <v>39</v>
      </c>
      <c r="F101" s="9">
        <v>9859713.8300000001</v>
      </c>
    </row>
    <row r="102" spans="1:6" x14ac:dyDescent="0.25">
      <c r="A102" s="4" t="s">
        <v>226</v>
      </c>
      <c r="B102" s="6" t="s">
        <v>962</v>
      </c>
      <c r="C102" s="9" t="s">
        <v>39</v>
      </c>
      <c r="D102" s="9" t="s">
        <v>39</v>
      </c>
      <c r="E102" s="9" t="s">
        <v>39</v>
      </c>
      <c r="F102" s="9">
        <v>782445.23</v>
      </c>
    </row>
    <row r="103" spans="1:6" x14ac:dyDescent="0.25">
      <c r="A103" s="5" t="s">
        <v>228</v>
      </c>
      <c r="B103" s="7" t="s">
        <v>964</v>
      </c>
      <c r="C103" s="8" t="s">
        <v>39</v>
      </c>
      <c r="D103" s="8" t="s">
        <v>39</v>
      </c>
      <c r="E103" s="8" t="s">
        <v>39</v>
      </c>
      <c r="F103" s="8">
        <v>954540804.60000002</v>
      </c>
    </row>
    <row r="104" spans="1:6" x14ac:dyDescent="0.25">
      <c r="A104" s="5" t="s">
        <v>230</v>
      </c>
      <c r="B104" s="7" t="s">
        <v>959</v>
      </c>
      <c r="C104" s="8" t="s">
        <v>39</v>
      </c>
      <c r="D104" s="8" t="s">
        <v>39</v>
      </c>
      <c r="E104" s="8" t="s">
        <v>39</v>
      </c>
      <c r="F104" s="8">
        <v>780819550.5</v>
      </c>
    </row>
    <row r="105" spans="1:6" x14ac:dyDescent="0.25">
      <c r="A105" s="4" t="s">
        <v>231</v>
      </c>
      <c r="B105" s="6" t="s">
        <v>960</v>
      </c>
      <c r="C105" s="9" t="s">
        <v>39</v>
      </c>
      <c r="D105" s="9" t="s">
        <v>39</v>
      </c>
      <c r="E105" s="9" t="s">
        <v>39</v>
      </c>
      <c r="F105" s="9">
        <v>405162318.94999999</v>
      </c>
    </row>
    <row r="106" spans="1:6" x14ac:dyDescent="0.25">
      <c r="A106" s="4" t="s">
        <v>232</v>
      </c>
      <c r="B106" s="6" t="s">
        <v>961</v>
      </c>
      <c r="C106" s="9" t="s">
        <v>39</v>
      </c>
      <c r="D106" s="9" t="s">
        <v>39</v>
      </c>
      <c r="E106" s="9" t="s">
        <v>39</v>
      </c>
      <c r="F106" s="9">
        <v>324731347.61000001</v>
      </c>
    </row>
    <row r="107" spans="1:6" x14ac:dyDescent="0.25">
      <c r="A107" s="4" t="s">
        <v>234</v>
      </c>
      <c r="B107" s="6" t="s">
        <v>962</v>
      </c>
      <c r="C107" s="9" t="s">
        <v>39</v>
      </c>
      <c r="D107" s="9" t="s">
        <v>39</v>
      </c>
      <c r="E107" s="9" t="s">
        <v>39</v>
      </c>
      <c r="F107" s="9">
        <v>50925883.939999998</v>
      </c>
    </row>
    <row r="108" spans="1:6" x14ac:dyDescent="0.25">
      <c r="A108" s="5" t="s">
        <v>236</v>
      </c>
      <c r="B108" s="7" t="s">
        <v>963</v>
      </c>
      <c r="C108" s="8" t="s">
        <v>39</v>
      </c>
      <c r="D108" s="8" t="s">
        <v>39</v>
      </c>
      <c r="E108" s="8" t="s">
        <v>39</v>
      </c>
      <c r="F108" s="8">
        <v>173721254.09999999</v>
      </c>
    </row>
    <row r="109" spans="1:6" x14ac:dyDescent="0.25">
      <c r="A109" s="4" t="s">
        <v>238</v>
      </c>
      <c r="B109" s="6" t="s">
        <v>960</v>
      </c>
      <c r="C109" s="9" t="s">
        <v>39</v>
      </c>
      <c r="D109" s="9" t="s">
        <v>39</v>
      </c>
      <c r="E109" s="9" t="s">
        <v>39</v>
      </c>
      <c r="F109" s="9">
        <v>79835631.75</v>
      </c>
    </row>
    <row r="110" spans="1:6" x14ac:dyDescent="0.25">
      <c r="A110" s="4" t="s">
        <v>241</v>
      </c>
      <c r="B110" s="6" t="s">
        <v>961</v>
      </c>
      <c r="C110" s="9" t="s">
        <v>39</v>
      </c>
      <c r="D110" s="9" t="s">
        <v>39</v>
      </c>
      <c r="E110" s="9" t="s">
        <v>39</v>
      </c>
      <c r="F110" s="9">
        <v>81699340.879999995</v>
      </c>
    </row>
    <row r="111" spans="1:6" x14ac:dyDescent="0.25">
      <c r="A111" s="4" t="s">
        <v>243</v>
      </c>
      <c r="B111" s="6" t="s">
        <v>962</v>
      </c>
      <c r="C111" s="9" t="s">
        <v>39</v>
      </c>
      <c r="D111" s="9" t="s">
        <v>39</v>
      </c>
      <c r="E111" s="9" t="s">
        <v>39</v>
      </c>
      <c r="F111" s="9">
        <v>12186281.470000001</v>
      </c>
    </row>
    <row r="112" spans="1:6" x14ac:dyDescent="0.25">
      <c r="A112" s="4" t="s">
        <v>245</v>
      </c>
      <c r="B112" s="6" t="s">
        <v>965</v>
      </c>
      <c r="C112" s="9" t="s">
        <v>39</v>
      </c>
      <c r="D112" s="9" t="s">
        <v>39</v>
      </c>
      <c r="E112" s="9" t="s">
        <v>39</v>
      </c>
      <c r="F112" s="9">
        <v>0</v>
      </c>
    </row>
    <row r="113" spans="1:8" x14ac:dyDescent="0.25">
      <c r="A113" s="5" t="s">
        <v>260</v>
      </c>
      <c r="B113" s="7" t="s">
        <v>966</v>
      </c>
      <c r="C113" s="8" t="s">
        <v>39</v>
      </c>
      <c r="D113" s="8" t="s">
        <v>39</v>
      </c>
      <c r="E113" s="8" t="s">
        <v>39</v>
      </c>
      <c r="F113" s="8">
        <v>335882.43</v>
      </c>
    </row>
    <row r="114" spans="1:8" x14ac:dyDescent="0.25">
      <c r="A114" s="4" t="s">
        <v>263</v>
      </c>
      <c r="B114" s="6" t="s">
        <v>967</v>
      </c>
      <c r="C114" s="9" t="s">
        <v>39</v>
      </c>
      <c r="D114" s="9" t="s">
        <v>39</v>
      </c>
      <c r="E114" s="9" t="s">
        <v>39</v>
      </c>
      <c r="F114" s="9">
        <v>11724</v>
      </c>
    </row>
    <row r="115" spans="1:8" x14ac:dyDescent="0.25">
      <c r="A115" s="4" t="s">
        <v>265</v>
      </c>
      <c r="B115" s="6" t="s">
        <v>968</v>
      </c>
      <c r="C115" s="9" t="s">
        <v>39</v>
      </c>
      <c r="D115" s="9" t="s">
        <v>39</v>
      </c>
      <c r="E115" s="9" t="s">
        <v>39</v>
      </c>
      <c r="F115" s="9">
        <v>324158.43</v>
      </c>
    </row>
    <row r="116" spans="1:8" x14ac:dyDescent="0.25">
      <c r="A116" s="4" t="s">
        <v>267</v>
      </c>
      <c r="B116" s="6" t="s">
        <v>882</v>
      </c>
      <c r="C116" s="9" t="s">
        <v>39</v>
      </c>
      <c r="D116" s="9" t="s">
        <v>39</v>
      </c>
      <c r="E116" s="9" t="s">
        <v>39</v>
      </c>
      <c r="F116" s="9">
        <v>0</v>
      </c>
    </row>
    <row r="117" spans="1:8" x14ac:dyDescent="0.25">
      <c r="A117" s="4" t="s">
        <v>269</v>
      </c>
      <c r="B117" s="6" t="s">
        <v>969</v>
      </c>
      <c r="C117" s="9" t="s">
        <v>39</v>
      </c>
      <c r="D117" s="9" t="s">
        <v>39</v>
      </c>
      <c r="E117" s="9" t="s">
        <v>39</v>
      </c>
      <c r="F117" s="9">
        <v>0</v>
      </c>
    </row>
    <row r="118" spans="1:8" x14ac:dyDescent="0.25">
      <c r="A118" s="5" t="s">
        <v>271</v>
      </c>
      <c r="B118" s="7" t="s">
        <v>970</v>
      </c>
      <c r="C118" s="8" t="s">
        <v>39</v>
      </c>
      <c r="D118" s="8" t="s">
        <v>39</v>
      </c>
      <c r="E118" s="8" t="s">
        <v>39</v>
      </c>
      <c r="F118" s="8">
        <v>431982585.42000002</v>
      </c>
    </row>
    <row r="119" spans="1:8" x14ac:dyDescent="0.25">
      <c r="A119" s="4" t="s">
        <v>273</v>
      </c>
      <c r="B119" s="6" t="s">
        <v>971</v>
      </c>
      <c r="C119" s="9" t="s">
        <v>39</v>
      </c>
      <c r="D119" s="9" t="s">
        <v>39</v>
      </c>
      <c r="E119" s="9" t="s">
        <v>39</v>
      </c>
      <c r="F119" s="9">
        <v>853120.17</v>
      </c>
    </row>
    <row r="120" spans="1:8" x14ac:dyDescent="0.25">
      <c r="A120" s="4" t="s">
        <v>275</v>
      </c>
      <c r="B120" s="6" t="s">
        <v>400</v>
      </c>
      <c r="C120" s="9" t="s">
        <v>39</v>
      </c>
      <c r="D120" s="9" t="s">
        <v>39</v>
      </c>
      <c r="E120" s="9" t="s">
        <v>39</v>
      </c>
      <c r="F120" s="9">
        <v>431129465.25</v>
      </c>
    </row>
    <row r="121" spans="1:8" x14ac:dyDescent="0.25">
      <c r="A121" s="5" t="s">
        <v>277</v>
      </c>
      <c r="B121" s="7" t="s">
        <v>972</v>
      </c>
      <c r="C121" s="8" t="s">
        <v>39</v>
      </c>
      <c r="D121" s="8" t="s">
        <v>39</v>
      </c>
      <c r="E121" s="8" t="s">
        <v>39</v>
      </c>
      <c r="F121" s="8">
        <v>0</v>
      </c>
    </row>
    <row r="122" spans="1:8" x14ac:dyDescent="0.25">
      <c r="A122" s="4" t="s">
        <v>279</v>
      </c>
      <c r="B122" s="6" t="s">
        <v>973</v>
      </c>
      <c r="C122" s="9" t="s">
        <v>39</v>
      </c>
      <c r="D122" s="9" t="s">
        <v>39</v>
      </c>
      <c r="E122" s="9" t="s">
        <v>39</v>
      </c>
      <c r="F122" s="9">
        <v>0</v>
      </c>
    </row>
    <row r="123" spans="1:8" x14ac:dyDescent="0.25">
      <c r="A123" s="4" t="s">
        <v>281</v>
      </c>
      <c r="B123" s="6" t="s">
        <v>974</v>
      </c>
      <c r="C123" s="9" t="s">
        <v>39</v>
      </c>
      <c r="D123" s="9" t="s">
        <v>39</v>
      </c>
      <c r="E123" s="9" t="s">
        <v>39</v>
      </c>
      <c r="F123" s="9">
        <v>0</v>
      </c>
    </row>
    <row r="124" spans="1:8" x14ac:dyDescent="0.25">
      <c r="A124" s="4" t="s">
        <v>283</v>
      </c>
      <c r="B124" s="6" t="s">
        <v>975</v>
      </c>
      <c r="C124" s="9" t="s">
        <v>39</v>
      </c>
      <c r="D124" s="9" t="s">
        <v>39</v>
      </c>
      <c r="E124" s="9" t="s">
        <v>39</v>
      </c>
      <c r="F124" s="9">
        <v>0</v>
      </c>
    </row>
    <row r="125" spans="1:8" x14ac:dyDescent="0.25">
      <c r="A125" s="5" t="s">
        <v>285</v>
      </c>
      <c r="B125" s="7" t="s">
        <v>976</v>
      </c>
      <c r="C125" s="8" t="s">
        <v>39</v>
      </c>
      <c r="D125" s="8" t="s">
        <v>39</v>
      </c>
      <c r="E125" s="8" t="s">
        <v>39</v>
      </c>
      <c r="F125" s="8">
        <v>1747232960.9200001</v>
      </c>
    </row>
    <row r="127" spans="1:8" x14ac:dyDescent="0.25">
      <c r="A127" s="14" t="s">
        <v>6</v>
      </c>
      <c r="B127" s="14" t="s">
        <v>977</v>
      </c>
      <c r="C127" s="14" t="s">
        <v>463</v>
      </c>
      <c r="D127" s="14" t="s">
        <v>922</v>
      </c>
      <c r="E127" s="14" t="s">
        <v>250</v>
      </c>
      <c r="F127" s="14" t="s">
        <v>7</v>
      </c>
      <c r="G127" s="14" t="s">
        <v>254</v>
      </c>
      <c r="H127" s="14" t="s">
        <v>254</v>
      </c>
    </row>
    <row r="128" spans="1:8" ht="21" x14ac:dyDescent="0.25">
      <c r="A128" s="14" t="s">
        <v>7</v>
      </c>
      <c r="B128" s="14" t="s">
        <v>7</v>
      </c>
      <c r="C128" s="14" t="s">
        <v>7</v>
      </c>
      <c r="D128" s="14" t="s">
        <v>7</v>
      </c>
      <c r="E128" s="1" t="s">
        <v>897</v>
      </c>
      <c r="F128" s="1" t="s">
        <v>898</v>
      </c>
      <c r="G128" s="1" t="s">
        <v>897</v>
      </c>
      <c r="H128" s="1" t="s">
        <v>898</v>
      </c>
    </row>
    <row r="129" spans="1:8" x14ac:dyDescent="0.25">
      <c r="A129" s="5" t="s">
        <v>288</v>
      </c>
      <c r="B129" s="7" t="s">
        <v>978</v>
      </c>
      <c r="C129" s="8" t="s">
        <v>39</v>
      </c>
      <c r="D129" s="8" t="s">
        <v>39</v>
      </c>
      <c r="E129" s="8" t="s">
        <v>39</v>
      </c>
      <c r="F129" s="8">
        <v>8126268.6600000001</v>
      </c>
      <c r="G129" s="8" t="s">
        <v>39</v>
      </c>
      <c r="H129" s="8">
        <v>7861819.1200000001</v>
      </c>
    </row>
    <row r="130" spans="1:8" x14ac:dyDescent="0.25">
      <c r="A130" s="4" t="s">
        <v>290</v>
      </c>
      <c r="B130" s="6" t="s">
        <v>924</v>
      </c>
      <c r="C130" s="9" t="s">
        <v>39</v>
      </c>
      <c r="D130" s="9" t="s">
        <v>39</v>
      </c>
      <c r="E130" s="9" t="s">
        <v>39</v>
      </c>
      <c r="F130" s="9">
        <v>8061268.6600000001</v>
      </c>
      <c r="G130" s="9" t="s">
        <v>39</v>
      </c>
      <c r="H130" s="9">
        <v>7796819.1200000001</v>
      </c>
    </row>
    <row r="131" spans="1:8" x14ac:dyDescent="0.25">
      <c r="A131" s="4" t="s">
        <v>292</v>
      </c>
      <c r="B131" s="6" t="s">
        <v>925</v>
      </c>
      <c r="C131" s="9" t="s">
        <v>39</v>
      </c>
      <c r="D131" s="9" t="s">
        <v>39</v>
      </c>
      <c r="E131" s="9" t="s">
        <v>39</v>
      </c>
      <c r="F131" s="9">
        <v>65000</v>
      </c>
      <c r="G131" s="9" t="s">
        <v>39</v>
      </c>
      <c r="H131" s="9">
        <v>65000</v>
      </c>
    </row>
    <row r="132" spans="1:8" x14ac:dyDescent="0.25">
      <c r="A132" s="5" t="s">
        <v>294</v>
      </c>
      <c r="B132" s="7" t="s">
        <v>979</v>
      </c>
      <c r="C132" s="8" t="s">
        <v>39</v>
      </c>
      <c r="D132" s="8" t="s">
        <v>39</v>
      </c>
      <c r="E132" s="8" t="s">
        <v>39</v>
      </c>
      <c r="F132" s="8">
        <v>2530961203.6700001</v>
      </c>
      <c r="G132" s="8" t="s">
        <v>39</v>
      </c>
      <c r="H132" s="8">
        <v>2194778384.48</v>
      </c>
    </row>
    <row r="133" spans="1:8" x14ac:dyDescent="0.25">
      <c r="A133" s="5" t="s">
        <v>296</v>
      </c>
      <c r="B133" s="7" t="s">
        <v>927</v>
      </c>
      <c r="C133" s="8" t="s">
        <v>39</v>
      </c>
      <c r="D133" s="8" t="s">
        <v>39</v>
      </c>
      <c r="E133" s="8" t="s">
        <v>39</v>
      </c>
      <c r="F133" s="8">
        <v>2180977717.2199998</v>
      </c>
      <c r="G133" s="8" t="s">
        <v>39</v>
      </c>
      <c r="H133" s="8">
        <v>1844795705.0899999</v>
      </c>
    </row>
    <row r="134" spans="1:8" x14ac:dyDescent="0.25">
      <c r="A134" s="4" t="s">
        <v>298</v>
      </c>
      <c r="B134" s="6" t="s">
        <v>928</v>
      </c>
      <c r="C134" s="9" t="s">
        <v>39</v>
      </c>
      <c r="D134" s="9" t="s">
        <v>39</v>
      </c>
      <c r="E134" s="9" t="s">
        <v>39</v>
      </c>
      <c r="F134" s="9">
        <v>1917048249.99</v>
      </c>
      <c r="G134" s="9" t="s">
        <v>39</v>
      </c>
      <c r="H134" s="9">
        <v>1582949556.26</v>
      </c>
    </row>
    <row r="135" spans="1:8" x14ac:dyDescent="0.25">
      <c r="A135" s="4" t="s">
        <v>300</v>
      </c>
      <c r="B135" s="6" t="s">
        <v>929</v>
      </c>
      <c r="C135" s="9" t="s">
        <v>39</v>
      </c>
      <c r="D135" s="9" t="s">
        <v>39</v>
      </c>
      <c r="E135" s="9" t="s">
        <v>39</v>
      </c>
      <c r="F135" s="9">
        <v>254851387.53999999</v>
      </c>
      <c r="G135" s="9" t="s">
        <v>39</v>
      </c>
      <c r="H135" s="9">
        <v>252826534.5</v>
      </c>
    </row>
    <row r="136" spans="1:8" x14ac:dyDescent="0.25">
      <c r="A136" s="4" t="s">
        <v>301</v>
      </c>
      <c r="B136" s="6" t="s">
        <v>930</v>
      </c>
      <c r="C136" s="9" t="s">
        <v>39</v>
      </c>
      <c r="D136" s="9" t="s">
        <v>39</v>
      </c>
      <c r="E136" s="9" t="s">
        <v>39</v>
      </c>
      <c r="F136" s="9">
        <v>9078079.6899999995</v>
      </c>
      <c r="G136" s="9" t="s">
        <v>39</v>
      </c>
      <c r="H136" s="9">
        <v>9019614.3300000001</v>
      </c>
    </row>
    <row r="137" spans="1:8" x14ac:dyDescent="0.25">
      <c r="A137" s="5" t="s">
        <v>302</v>
      </c>
      <c r="B137" s="7" t="s">
        <v>931</v>
      </c>
      <c r="C137" s="8" t="s">
        <v>39</v>
      </c>
      <c r="D137" s="8" t="s">
        <v>39</v>
      </c>
      <c r="E137" s="8" t="s">
        <v>39</v>
      </c>
      <c r="F137" s="8">
        <v>348381094.38</v>
      </c>
      <c r="G137" s="8" t="s">
        <v>39</v>
      </c>
      <c r="H137" s="8">
        <v>348381094.38</v>
      </c>
    </row>
    <row r="138" spans="1:8" x14ac:dyDescent="0.25">
      <c r="A138" s="4" t="s">
        <v>304</v>
      </c>
      <c r="B138" s="6" t="s">
        <v>932</v>
      </c>
      <c r="C138" s="9" t="s">
        <v>39</v>
      </c>
      <c r="D138" s="9" t="s">
        <v>39</v>
      </c>
      <c r="E138" s="9" t="s">
        <v>39</v>
      </c>
      <c r="F138" s="9">
        <v>303320360.5</v>
      </c>
      <c r="G138" s="9" t="s">
        <v>39</v>
      </c>
      <c r="H138" s="9">
        <v>303320360.5</v>
      </c>
    </row>
    <row r="139" spans="1:8" x14ac:dyDescent="0.25">
      <c r="A139" s="4" t="s">
        <v>306</v>
      </c>
      <c r="B139" s="6" t="s">
        <v>929</v>
      </c>
      <c r="C139" s="9" t="s">
        <v>39</v>
      </c>
      <c r="D139" s="9" t="s">
        <v>39</v>
      </c>
      <c r="E139" s="9" t="s">
        <v>39</v>
      </c>
      <c r="F139" s="9">
        <v>44992442.509999998</v>
      </c>
      <c r="G139" s="9" t="s">
        <v>39</v>
      </c>
      <c r="H139" s="9">
        <v>44992442.509999998</v>
      </c>
    </row>
    <row r="140" spans="1:8" x14ac:dyDescent="0.25">
      <c r="A140" s="4" t="s">
        <v>308</v>
      </c>
      <c r="B140" s="6" t="s">
        <v>930</v>
      </c>
      <c r="C140" s="9" t="s">
        <v>39</v>
      </c>
      <c r="D140" s="9" t="s">
        <v>39</v>
      </c>
      <c r="E140" s="9" t="s">
        <v>39</v>
      </c>
      <c r="F140" s="9">
        <v>68291.37</v>
      </c>
      <c r="G140" s="9" t="s">
        <v>39</v>
      </c>
      <c r="H140" s="9">
        <v>68291.37</v>
      </c>
    </row>
    <row r="141" spans="1:8" x14ac:dyDescent="0.25">
      <c r="A141" s="5" t="s">
        <v>311</v>
      </c>
      <c r="B141" s="7" t="s">
        <v>933</v>
      </c>
      <c r="C141" s="8" t="s">
        <v>39</v>
      </c>
      <c r="D141" s="8" t="s">
        <v>39</v>
      </c>
      <c r="E141" s="8" t="s">
        <v>39</v>
      </c>
      <c r="F141" s="8">
        <v>1602392.07</v>
      </c>
      <c r="G141" s="8" t="s">
        <v>39</v>
      </c>
      <c r="H141" s="8">
        <v>1601585.01</v>
      </c>
    </row>
    <row r="142" spans="1:8" x14ac:dyDescent="0.25">
      <c r="A142" s="4" t="s">
        <v>313</v>
      </c>
      <c r="B142" s="6" t="s">
        <v>934</v>
      </c>
      <c r="C142" s="9" t="s">
        <v>39</v>
      </c>
      <c r="D142" s="9" t="s">
        <v>39</v>
      </c>
      <c r="E142" s="9" t="s">
        <v>39</v>
      </c>
      <c r="F142" s="9">
        <v>1602392.07</v>
      </c>
      <c r="G142" s="9" t="s">
        <v>39</v>
      </c>
      <c r="H142" s="9">
        <v>1601585.01</v>
      </c>
    </row>
    <row r="143" spans="1:8" x14ac:dyDescent="0.25">
      <c r="A143" s="4" t="s">
        <v>315</v>
      </c>
      <c r="B143" s="6" t="s">
        <v>935</v>
      </c>
      <c r="C143" s="9" t="s">
        <v>39</v>
      </c>
      <c r="D143" s="9" t="s">
        <v>39</v>
      </c>
      <c r="E143" s="9" t="s">
        <v>39</v>
      </c>
      <c r="F143" s="9">
        <v>0</v>
      </c>
      <c r="G143" s="9" t="s">
        <v>39</v>
      </c>
      <c r="H143" s="9">
        <v>0</v>
      </c>
    </row>
    <row r="144" spans="1:8" x14ac:dyDescent="0.25">
      <c r="A144" s="5" t="s">
        <v>317</v>
      </c>
      <c r="B144" s="7" t="s">
        <v>980</v>
      </c>
      <c r="C144" s="8" t="s">
        <v>39</v>
      </c>
      <c r="D144" s="8" t="s">
        <v>39</v>
      </c>
      <c r="E144" s="8" t="s">
        <v>39</v>
      </c>
      <c r="F144" s="8">
        <v>2539087472.3299999</v>
      </c>
      <c r="G144" s="8" t="s">
        <v>39</v>
      </c>
      <c r="H144" s="8">
        <v>2202640203.5999999</v>
      </c>
    </row>
    <row r="146" spans="1:8" x14ac:dyDescent="0.25">
      <c r="A146" s="14" t="s">
        <v>6</v>
      </c>
      <c r="B146" s="14" t="s">
        <v>981</v>
      </c>
      <c r="C146" s="14" t="s">
        <v>463</v>
      </c>
      <c r="D146" s="14" t="s">
        <v>922</v>
      </c>
      <c r="E146" s="14" t="s">
        <v>250</v>
      </c>
      <c r="F146" s="14" t="s">
        <v>7</v>
      </c>
      <c r="G146" s="14" t="s">
        <v>254</v>
      </c>
      <c r="H146" s="14" t="s">
        <v>254</v>
      </c>
    </row>
    <row r="147" spans="1:8" ht="21" x14ac:dyDescent="0.25">
      <c r="A147" s="14" t="s">
        <v>7</v>
      </c>
      <c r="B147" s="14" t="s">
        <v>7</v>
      </c>
      <c r="C147" s="14" t="s">
        <v>7</v>
      </c>
      <c r="D147" s="14" t="s">
        <v>7</v>
      </c>
      <c r="E147" s="1" t="s">
        <v>897</v>
      </c>
      <c r="F147" s="1" t="s">
        <v>898</v>
      </c>
      <c r="G147" s="1" t="s">
        <v>897</v>
      </c>
      <c r="H147" s="1" t="s">
        <v>898</v>
      </c>
    </row>
    <row r="148" spans="1:8" x14ac:dyDescent="0.25">
      <c r="A148" s="4" t="s">
        <v>319</v>
      </c>
      <c r="B148" s="6" t="s">
        <v>982</v>
      </c>
      <c r="C148" s="9" t="s">
        <v>39</v>
      </c>
      <c r="D148" s="9" t="s">
        <v>39</v>
      </c>
      <c r="E148" s="9" t="s">
        <v>39</v>
      </c>
      <c r="F148" s="9">
        <v>-791854511.40999997</v>
      </c>
      <c r="G148" s="9" t="s">
        <v>39</v>
      </c>
      <c r="H148" s="9">
        <v>-455407242.68000001</v>
      </c>
    </row>
    <row r="150" spans="1:8" x14ac:dyDescent="0.25">
      <c r="A150" s="14" t="s">
        <v>6</v>
      </c>
      <c r="B150" s="14" t="s">
        <v>983</v>
      </c>
      <c r="C150" s="14" t="s">
        <v>944</v>
      </c>
    </row>
    <row r="151" spans="1:8" x14ac:dyDescent="0.25">
      <c r="A151" s="14" t="s">
        <v>7</v>
      </c>
      <c r="B151" s="14" t="s">
        <v>7</v>
      </c>
      <c r="C151" s="14" t="s">
        <v>7</v>
      </c>
    </row>
    <row r="152" spans="1:8" x14ac:dyDescent="0.25">
      <c r="A152" s="4" t="s">
        <v>321</v>
      </c>
      <c r="B152" s="6" t="s">
        <v>984</v>
      </c>
      <c r="C152" s="2" t="s">
        <v>39</v>
      </c>
    </row>
    <row r="153" spans="1:8" x14ac:dyDescent="0.25">
      <c r="A153" s="4" t="s">
        <v>323</v>
      </c>
      <c r="B153" s="6" t="s">
        <v>985</v>
      </c>
      <c r="C153" s="2" t="s">
        <v>39</v>
      </c>
    </row>
  </sheetData>
  <mergeCells count="55"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  <mergeCell ref="A91:A92"/>
    <mergeCell ref="B91:B92"/>
    <mergeCell ref="C91:C92"/>
    <mergeCell ref="D91:D92"/>
    <mergeCell ref="E91:F91"/>
    <mergeCell ref="A78:A79"/>
    <mergeCell ref="B78:B79"/>
    <mergeCell ref="C78:C79"/>
    <mergeCell ref="A85:A86"/>
    <mergeCell ref="B85:B86"/>
    <mergeCell ref="C85:D85"/>
    <mergeCell ref="A70:A71"/>
    <mergeCell ref="B70:B71"/>
    <mergeCell ref="C70:C71"/>
    <mergeCell ref="A74:A75"/>
    <mergeCell ref="B74:B75"/>
    <mergeCell ref="C74:C75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topLeftCell="A70" workbookViewId="0">
      <selection activeCell="C72" sqref="C72"/>
    </sheetView>
  </sheetViews>
  <sheetFormatPr defaultRowHeight="15" x14ac:dyDescent="0.25"/>
  <cols>
    <col min="1" max="1" width="2.7109375" bestFit="1" customWidth="1"/>
    <col min="2" max="2" width="66.42578125" bestFit="1" customWidth="1"/>
    <col min="3" max="6" width="20.140625" bestFit="1" customWidth="1"/>
    <col min="7" max="7" width="29.7109375" bestFit="1" customWidth="1"/>
    <col min="8" max="9" width="17.28515625" bestFit="1" customWidth="1"/>
  </cols>
  <sheetData>
    <row r="3" spans="1:9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</row>
    <row r="4" spans="1:9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</row>
    <row r="5" spans="1:9" x14ac:dyDescent="0.25">
      <c r="A5" s="12" t="s">
        <v>986</v>
      </c>
      <c r="B5" s="11"/>
      <c r="C5" s="11"/>
      <c r="D5" s="11"/>
      <c r="E5" s="11"/>
      <c r="F5" s="11"/>
      <c r="G5" s="11"/>
      <c r="H5" s="11"/>
      <c r="I5" s="11"/>
    </row>
    <row r="6" spans="1:9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</row>
    <row r="7" spans="1:9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</row>
    <row r="9" spans="1:9" x14ac:dyDescent="0.25">
      <c r="A9" s="13" t="s">
        <v>987</v>
      </c>
      <c r="B9" s="11"/>
      <c r="C9" s="11"/>
      <c r="D9" s="11"/>
      <c r="E9" s="11"/>
      <c r="F9" s="11"/>
      <c r="G9" s="11"/>
      <c r="H9" s="11"/>
      <c r="I9" s="11"/>
    </row>
    <row r="10" spans="1:9" x14ac:dyDescent="0.25">
      <c r="A10" s="14" t="s">
        <v>6</v>
      </c>
      <c r="B10" s="14" t="s">
        <v>988</v>
      </c>
      <c r="C10" s="14" t="s">
        <v>873</v>
      </c>
      <c r="D10" s="1" t="s">
        <v>897</v>
      </c>
    </row>
    <row r="11" spans="1:9" ht="21" x14ac:dyDescent="0.25">
      <c r="A11" s="14" t="s">
        <v>7</v>
      </c>
      <c r="B11" s="14" t="s">
        <v>7</v>
      </c>
      <c r="C11" s="14" t="s">
        <v>7</v>
      </c>
      <c r="D11" s="1" t="s">
        <v>989</v>
      </c>
    </row>
    <row r="12" spans="1:9" x14ac:dyDescent="0.25">
      <c r="A12" s="5" t="s">
        <v>17</v>
      </c>
      <c r="B12" s="7" t="s">
        <v>874</v>
      </c>
      <c r="C12" s="8">
        <v>13046042222</v>
      </c>
      <c r="D12" s="8">
        <v>11535668883.18</v>
      </c>
    </row>
    <row r="13" spans="1:9" x14ac:dyDescent="0.25">
      <c r="A13" s="5" t="s">
        <v>21</v>
      </c>
      <c r="B13" s="7" t="s">
        <v>990</v>
      </c>
      <c r="C13" s="8">
        <v>6658062461.8299999</v>
      </c>
      <c r="D13" s="8">
        <v>6706133233.9099998</v>
      </c>
    </row>
    <row r="14" spans="1:9" x14ac:dyDescent="0.25">
      <c r="A14" s="4" t="s">
        <v>25</v>
      </c>
      <c r="B14" s="6" t="s">
        <v>991</v>
      </c>
      <c r="C14" s="9">
        <v>5154192027</v>
      </c>
      <c r="D14" s="9">
        <v>5156212529.3800001</v>
      </c>
    </row>
    <row r="15" spans="1:9" x14ac:dyDescent="0.25">
      <c r="A15" s="4" t="s">
        <v>29</v>
      </c>
      <c r="B15" s="6" t="s">
        <v>992</v>
      </c>
      <c r="C15" s="9">
        <v>254329800</v>
      </c>
      <c r="D15" s="9">
        <v>260251013.11000001</v>
      </c>
    </row>
    <row r="16" spans="1:9" x14ac:dyDescent="0.25">
      <c r="A16" s="4" t="s">
        <v>33</v>
      </c>
      <c r="B16" s="6" t="s">
        <v>993</v>
      </c>
      <c r="C16" s="9">
        <v>95802800</v>
      </c>
      <c r="D16" s="9">
        <v>129796867.62</v>
      </c>
    </row>
    <row r="17" spans="1:4" x14ac:dyDescent="0.25">
      <c r="A17" s="4" t="s">
        <v>37</v>
      </c>
      <c r="B17" s="6" t="s">
        <v>994</v>
      </c>
      <c r="C17" s="9">
        <v>845793800</v>
      </c>
      <c r="D17" s="9">
        <v>902045973.75</v>
      </c>
    </row>
    <row r="18" spans="1:4" x14ac:dyDescent="0.25">
      <c r="A18" s="4" t="s">
        <v>40</v>
      </c>
      <c r="B18" s="6" t="s">
        <v>995</v>
      </c>
      <c r="C18" s="9">
        <v>307944034.82999998</v>
      </c>
      <c r="D18" s="9">
        <v>257826850.05000001</v>
      </c>
    </row>
    <row r="19" spans="1:4" x14ac:dyDescent="0.25">
      <c r="A19" s="4" t="s">
        <v>44</v>
      </c>
      <c r="B19" s="6" t="s">
        <v>996</v>
      </c>
      <c r="C19" s="9">
        <v>1210479227</v>
      </c>
      <c r="D19" s="9">
        <v>631011199.26999998</v>
      </c>
    </row>
    <row r="20" spans="1:4" x14ac:dyDescent="0.25">
      <c r="A20" s="5" t="s">
        <v>46</v>
      </c>
      <c r="B20" s="7" t="s">
        <v>907</v>
      </c>
      <c r="C20" s="8">
        <v>338216600</v>
      </c>
      <c r="D20" s="8">
        <v>176894065.59999999</v>
      </c>
    </row>
    <row r="21" spans="1:4" x14ac:dyDescent="0.25">
      <c r="A21" s="4" t="s">
        <v>48</v>
      </c>
      <c r="B21" s="6" t="s">
        <v>997</v>
      </c>
      <c r="C21" s="9">
        <v>271396000</v>
      </c>
      <c r="D21" s="9">
        <v>53394582.520000003</v>
      </c>
    </row>
    <row r="22" spans="1:4" x14ac:dyDescent="0.25">
      <c r="A22" s="4" t="s">
        <v>50</v>
      </c>
      <c r="B22" s="6" t="s">
        <v>910</v>
      </c>
      <c r="C22" s="9">
        <v>66820600</v>
      </c>
      <c r="D22" s="9">
        <v>123499483.08</v>
      </c>
    </row>
    <row r="23" spans="1:4" x14ac:dyDescent="0.25">
      <c r="A23" s="5" t="s">
        <v>52</v>
      </c>
      <c r="B23" s="7" t="s">
        <v>998</v>
      </c>
      <c r="C23" s="8">
        <v>3614563200</v>
      </c>
      <c r="D23" s="8">
        <v>3112095868.6599998</v>
      </c>
    </row>
    <row r="24" spans="1:4" x14ac:dyDescent="0.25">
      <c r="A24" s="4" t="s">
        <v>56</v>
      </c>
      <c r="B24" s="6" t="s">
        <v>999</v>
      </c>
      <c r="C24" s="9">
        <v>1086355700</v>
      </c>
      <c r="D24" s="9">
        <v>962878550.02999997</v>
      </c>
    </row>
    <row r="25" spans="1:4" x14ac:dyDescent="0.25">
      <c r="A25" s="4" t="s">
        <v>60</v>
      </c>
      <c r="B25" s="6" t="s">
        <v>1000</v>
      </c>
      <c r="C25" s="9">
        <v>16225000</v>
      </c>
      <c r="D25" s="9">
        <v>14149089.119999999</v>
      </c>
    </row>
    <row r="26" spans="1:4" x14ac:dyDescent="0.25">
      <c r="A26" s="4" t="s">
        <v>64</v>
      </c>
      <c r="B26" s="6" t="s">
        <v>1001</v>
      </c>
      <c r="C26" s="9">
        <v>56317000</v>
      </c>
      <c r="D26" s="9">
        <v>60925393.18</v>
      </c>
    </row>
    <row r="27" spans="1:4" x14ac:dyDescent="0.25">
      <c r="A27" s="4" t="s">
        <v>66</v>
      </c>
      <c r="B27" s="6" t="s">
        <v>1002</v>
      </c>
      <c r="C27" s="9">
        <v>1062399300</v>
      </c>
      <c r="D27" s="9">
        <v>1037689821.02</v>
      </c>
    </row>
    <row r="28" spans="1:4" x14ac:dyDescent="0.25">
      <c r="A28" s="4" t="s">
        <v>70</v>
      </c>
      <c r="B28" s="6" t="s">
        <v>1003</v>
      </c>
      <c r="C28" s="9">
        <v>1393266200</v>
      </c>
      <c r="D28" s="9">
        <v>1036453015.3099999</v>
      </c>
    </row>
    <row r="29" spans="1:4" x14ac:dyDescent="0.25">
      <c r="A29" s="5" t="s">
        <v>72</v>
      </c>
      <c r="B29" s="7" t="s">
        <v>1004</v>
      </c>
      <c r="C29" s="8">
        <v>1224720733.1700001</v>
      </c>
      <c r="D29" s="8">
        <v>909534515.74000001</v>
      </c>
    </row>
    <row r="30" spans="1:4" x14ac:dyDescent="0.25">
      <c r="A30" s="4" t="s">
        <v>76</v>
      </c>
      <c r="B30" s="6" t="s">
        <v>1005</v>
      </c>
      <c r="C30" s="9">
        <v>9700000</v>
      </c>
      <c r="D30" s="9">
        <v>2555101.33</v>
      </c>
    </row>
    <row r="31" spans="1:4" x14ac:dyDescent="0.25">
      <c r="A31" s="4" t="s">
        <v>78</v>
      </c>
      <c r="B31" s="6" t="s">
        <v>1006</v>
      </c>
      <c r="C31" s="9">
        <v>1215020733.1700001</v>
      </c>
      <c r="D31" s="9">
        <v>906979414.40999997</v>
      </c>
    </row>
    <row r="32" spans="1:4" x14ac:dyDescent="0.25">
      <c r="A32" s="4" t="s">
        <v>80</v>
      </c>
      <c r="B32" s="6" t="s">
        <v>1007</v>
      </c>
      <c r="C32" s="9">
        <v>12764946222</v>
      </c>
      <c r="D32" s="9">
        <v>11479719199.33</v>
      </c>
    </row>
    <row r="33" spans="1:4" x14ac:dyDescent="0.25">
      <c r="A33" s="5" t="s">
        <v>82</v>
      </c>
      <c r="B33" s="7" t="s">
        <v>1008</v>
      </c>
      <c r="C33" s="8">
        <v>1671382035</v>
      </c>
      <c r="D33" s="8">
        <v>1094255846.6700001</v>
      </c>
    </row>
    <row r="34" spans="1:4" x14ac:dyDescent="0.25">
      <c r="A34" s="4" t="s">
        <v>86</v>
      </c>
      <c r="B34" s="6" t="s">
        <v>1009</v>
      </c>
      <c r="C34" s="9">
        <v>22665700</v>
      </c>
      <c r="D34" s="9">
        <v>17613400</v>
      </c>
    </row>
    <row r="35" spans="1:4" x14ac:dyDescent="0.25">
      <c r="A35" s="4" t="s">
        <v>90</v>
      </c>
      <c r="B35" s="6" t="s">
        <v>1010</v>
      </c>
      <c r="C35" s="9">
        <v>6582600</v>
      </c>
      <c r="D35" s="9">
        <v>6324524.9900000002</v>
      </c>
    </row>
    <row r="36" spans="1:4" x14ac:dyDescent="0.25">
      <c r="A36" s="5" t="s">
        <v>94</v>
      </c>
      <c r="B36" s="7" t="s">
        <v>1011</v>
      </c>
      <c r="C36" s="8">
        <v>3547200</v>
      </c>
      <c r="D36" s="8">
        <v>4338515.2300000004</v>
      </c>
    </row>
    <row r="37" spans="1:4" x14ac:dyDescent="0.25">
      <c r="A37" s="4" t="s">
        <v>98</v>
      </c>
      <c r="B37" s="6" t="s">
        <v>1012</v>
      </c>
      <c r="C37" s="9">
        <v>0</v>
      </c>
      <c r="D37" s="9">
        <v>0</v>
      </c>
    </row>
    <row r="38" spans="1:4" x14ac:dyDescent="0.25">
      <c r="A38" s="4" t="s">
        <v>100</v>
      </c>
      <c r="B38" s="6" t="s">
        <v>1013</v>
      </c>
      <c r="C38" s="9">
        <v>0</v>
      </c>
      <c r="D38" s="9">
        <v>0</v>
      </c>
    </row>
    <row r="39" spans="1:4" x14ac:dyDescent="0.25">
      <c r="A39" s="4" t="s">
        <v>104</v>
      </c>
      <c r="B39" s="6" t="s">
        <v>1014</v>
      </c>
      <c r="C39" s="9">
        <v>3547200</v>
      </c>
      <c r="D39" s="9">
        <v>4338515.2300000004</v>
      </c>
    </row>
    <row r="40" spans="1:4" x14ac:dyDescent="0.25">
      <c r="A40" s="5" t="s">
        <v>108</v>
      </c>
      <c r="B40" s="7" t="s">
        <v>1015</v>
      </c>
      <c r="C40" s="8">
        <v>1036369035</v>
      </c>
      <c r="D40" s="8">
        <v>785196646.64999998</v>
      </c>
    </row>
    <row r="41" spans="1:4" x14ac:dyDescent="0.25">
      <c r="A41" s="4" t="s">
        <v>112</v>
      </c>
      <c r="B41" s="6" t="s">
        <v>1016</v>
      </c>
      <c r="C41" s="9">
        <v>370313935</v>
      </c>
      <c r="D41" s="9">
        <v>176933169.55000001</v>
      </c>
    </row>
    <row r="42" spans="1:4" x14ac:dyDescent="0.25">
      <c r="A42" s="4" t="s">
        <v>114</v>
      </c>
      <c r="B42" s="6" t="s">
        <v>1017</v>
      </c>
      <c r="C42" s="9">
        <v>666055100</v>
      </c>
      <c r="D42" s="9">
        <v>608263477.10000002</v>
      </c>
    </row>
    <row r="43" spans="1:4" x14ac:dyDescent="0.25">
      <c r="A43" s="5" t="s">
        <v>118</v>
      </c>
      <c r="B43" s="7" t="s">
        <v>919</v>
      </c>
      <c r="C43" s="8">
        <v>602217500</v>
      </c>
      <c r="D43" s="8">
        <v>280782759.80000001</v>
      </c>
    </row>
    <row r="44" spans="1:4" x14ac:dyDescent="0.25">
      <c r="A44" s="4" t="s">
        <v>122</v>
      </c>
      <c r="B44" s="6" t="s">
        <v>1018</v>
      </c>
      <c r="C44" s="9">
        <v>0</v>
      </c>
      <c r="D44" s="9">
        <v>0</v>
      </c>
    </row>
    <row r="45" spans="1:4" x14ac:dyDescent="0.25">
      <c r="A45" s="4" t="s">
        <v>126</v>
      </c>
      <c r="B45" s="6" t="s">
        <v>1019</v>
      </c>
      <c r="C45" s="9">
        <v>602217500</v>
      </c>
      <c r="D45" s="9">
        <v>280782759.80000001</v>
      </c>
    </row>
    <row r="46" spans="1:4" x14ac:dyDescent="0.25">
      <c r="A46" s="4" t="s">
        <v>129</v>
      </c>
      <c r="B46" s="6" t="s">
        <v>1020</v>
      </c>
      <c r="C46" s="9">
        <v>1642133735</v>
      </c>
      <c r="D46" s="9">
        <v>1070317921.6799999</v>
      </c>
    </row>
    <row r="47" spans="1:4" x14ac:dyDescent="0.25">
      <c r="A47" s="5" t="s">
        <v>131</v>
      </c>
      <c r="B47" s="7" t="s">
        <v>1021</v>
      </c>
      <c r="C47" s="8">
        <v>14407079957</v>
      </c>
      <c r="D47" s="8">
        <v>12550037121.01</v>
      </c>
    </row>
    <row r="49" spans="1:9" x14ac:dyDescent="0.25">
      <c r="A49" s="14" t="s">
        <v>6</v>
      </c>
      <c r="B49" s="14" t="s">
        <v>1022</v>
      </c>
      <c r="C49" s="14" t="s">
        <v>922</v>
      </c>
      <c r="D49" s="14" t="s">
        <v>897</v>
      </c>
      <c r="E49" s="14" t="s">
        <v>7</v>
      </c>
      <c r="F49" s="14" t="s">
        <v>7</v>
      </c>
      <c r="G49" s="14" t="s">
        <v>7</v>
      </c>
      <c r="H49" s="14" t="s">
        <v>1025</v>
      </c>
      <c r="I49" s="14" t="s">
        <v>1025</v>
      </c>
    </row>
    <row r="50" spans="1:9" ht="21" x14ac:dyDescent="0.25">
      <c r="A50" s="14" t="s">
        <v>7</v>
      </c>
      <c r="B50" s="14" t="s">
        <v>7</v>
      </c>
      <c r="C50" s="14" t="s">
        <v>7</v>
      </c>
      <c r="D50" s="1" t="s">
        <v>250</v>
      </c>
      <c r="E50" s="1" t="s">
        <v>254</v>
      </c>
      <c r="F50" s="1" t="s">
        <v>1023</v>
      </c>
      <c r="G50" s="1" t="s">
        <v>1024</v>
      </c>
      <c r="H50" s="1" t="s">
        <v>1026</v>
      </c>
      <c r="I50" s="1" t="s">
        <v>1027</v>
      </c>
    </row>
    <row r="51" spans="1:9" x14ac:dyDescent="0.25">
      <c r="A51" s="5" t="s">
        <v>133</v>
      </c>
      <c r="B51" s="7" t="s">
        <v>1028</v>
      </c>
      <c r="C51" s="8">
        <v>13826941750.610001</v>
      </c>
      <c r="D51" s="8">
        <v>11099134556.549999</v>
      </c>
      <c r="E51" s="8">
        <v>10522166984.02</v>
      </c>
      <c r="F51" s="8">
        <v>10332953723.16</v>
      </c>
      <c r="G51" s="8">
        <v>330958290.60000002</v>
      </c>
      <c r="H51" s="8">
        <v>396131519.54000002</v>
      </c>
      <c r="I51" s="8">
        <v>381670822.56999999</v>
      </c>
    </row>
    <row r="52" spans="1:9" x14ac:dyDescent="0.25">
      <c r="A52" s="4" t="s">
        <v>137</v>
      </c>
      <c r="B52" s="6" t="s">
        <v>1029</v>
      </c>
      <c r="C52" s="9">
        <v>9845138514.9099998</v>
      </c>
      <c r="D52" s="9">
        <v>7905806261.71</v>
      </c>
      <c r="E52" s="9">
        <v>7562113426.7399998</v>
      </c>
      <c r="F52" s="9">
        <v>7460121048.5699997</v>
      </c>
      <c r="G52" s="9">
        <v>230784863.47999999</v>
      </c>
      <c r="H52" s="9">
        <v>193871421.69</v>
      </c>
      <c r="I52" s="9">
        <v>193829312.36000001</v>
      </c>
    </row>
    <row r="53" spans="1:9" x14ac:dyDescent="0.25">
      <c r="A53" s="4" t="s">
        <v>141</v>
      </c>
      <c r="B53" s="6" t="s">
        <v>1030</v>
      </c>
      <c r="C53" s="9">
        <v>389186565</v>
      </c>
      <c r="D53" s="9">
        <v>336980688.60000002</v>
      </c>
      <c r="E53" s="9">
        <v>336980688.60000002</v>
      </c>
      <c r="F53" s="9">
        <v>336980688.60000002</v>
      </c>
      <c r="G53" s="9">
        <v>0</v>
      </c>
      <c r="H53" s="9">
        <v>0</v>
      </c>
      <c r="I53" s="9">
        <v>0</v>
      </c>
    </row>
    <row r="54" spans="1:9" x14ac:dyDescent="0.25">
      <c r="A54" s="5" t="s">
        <v>145</v>
      </c>
      <c r="B54" s="7" t="s">
        <v>1031</v>
      </c>
      <c r="C54" s="8">
        <v>3592616670.6999998</v>
      </c>
      <c r="D54" s="8">
        <v>2856347606.2399998</v>
      </c>
      <c r="E54" s="8">
        <v>2623072868.6799998</v>
      </c>
      <c r="F54" s="8">
        <v>2535851985.9899998</v>
      </c>
      <c r="G54" s="8">
        <v>100173427.12</v>
      </c>
      <c r="H54" s="8">
        <v>202260097.84999999</v>
      </c>
      <c r="I54" s="8">
        <v>187841510.21000001</v>
      </c>
    </row>
    <row r="55" spans="1:9" x14ac:dyDescent="0.25">
      <c r="A55" s="4" t="s">
        <v>147</v>
      </c>
      <c r="B55" s="6" t="s">
        <v>889</v>
      </c>
      <c r="C55" s="9">
        <v>168000000</v>
      </c>
      <c r="D55" s="9">
        <v>154000000</v>
      </c>
      <c r="E55" s="9">
        <v>154000000</v>
      </c>
      <c r="F55" s="9">
        <v>154000000</v>
      </c>
      <c r="G55" s="9">
        <v>14000000</v>
      </c>
      <c r="H55" s="9">
        <v>0</v>
      </c>
      <c r="I55" s="9">
        <v>0</v>
      </c>
    </row>
    <row r="56" spans="1:9" x14ac:dyDescent="0.25">
      <c r="A56" s="4" t="s">
        <v>151</v>
      </c>
      <c r="B56" s="6" t="s">
        <v>1032</v>
      </c>
      <c r="C56" s="9">
        <v>3424616670.6999998</v>
      </c>
      <c r="D56" s="9">
        <v>2702347606.2399998</v>
      </c>
      <c r="E56" s="9">
        <v>2469072868.6799998</v>
      </c>
      <c r="F56" s="9">
        <v>2381851985.9899998</v>
      </c>
      <c r="G56" s="9">
        <v>86173427.120000005</v>
      </c>
      <c r="H56" s="9">
        <v>202260097.84999999</v>
      </c>
      <c r="I56" s="9">
        <v>187841510.21000001</v>
      </c>
    </row>
    <row r="57" spans="1:9" x14ac:dyDescent="0.25">
      <c r="A57" s="4" t="s">
        <v>155</v>
      </c>
      <c r="B57" s="6" t="s">
        <v>1033</v>
      </c>
      <c r="C57" s="9">
        <v>13437755185.610001</v>
      </c>
      <c r="D57" s="9">
        <v>10762153867.950001</v>
      </c>
      <c r="E57" s="9">
        <v>10185186295.42</v>
      </c>
      <c r="F57" s="9">
        <v>9995973034.5599995</v>
      </c>
      <c r="G57" s="9">
        <v>330958290.60000002</v>
      </c>
      <c r="H57" s="9">
        <v>396131519.54000002</v>
      </c>
      <c r="I57" s="9">
        <v>381670822.56999999</v>
      </c>
    </row>
    <row r="58" spans="1:9" x14ac:dyDescent="0.25">
      <c r="A58" s="5" t="s">
        <v>158</v>
      </c>
      <c r="B58" s="7" t="s">
        <v>1034</v>
      </c>
      <c r="C58" s="8">
        <v>2277000298.1999998</v>
      </c>
      <c r="D58" s="8">
        <v>1605361267.4000001</v>
      </c>
      <c r="E58" s="8">
        <v>1460044364.0999999</v>
      </c>
      <c r="F58" s="8">
        <v>1446294472.1300001</v>
      </c>
      <c r="G58" s="8">
        <v>22857875.420000002</v>
      </c>
      <c r="H58" s="8">
        <v>98171994.25</v>
      </c>
      <c r="I58" s="8">
        <v>96857549.890000001</v>
      </c>
    </row>
    <row r="59" spans="1:9" x14ac:dyDescent="0.25">
      <c r="A59" s="4" t="s">
        <v>161</v>
      </c>
      <c r="B59" s="6" t="s">
        <v>1035</v>
      </c>
      <c r="C59" s="9">
        <v>1942184917.2</v>
      </c>
      <c r="D59" s="9">
        <v>1328418073.3699999</v>
      </c>
      <c r="E59" s="9">
        <v>1183101170.0699999</v>
      </c>
      <c r="F59" s="9">
        <v>1169351278.0999999</v>
      </c>
      <c r="G59" s="9">
        <v>22857875.420000002</v>
      </c>
      <c r="H59" s="9">
        <v>98171994.25</v>
      </c>
      <c r="I59" s="9">
        <v>96857549.890000001</v>
      </c>
    </row>
    <row r="60" spans="1:9" x14ac:dyDescent="0.25">
      <c r="A60" s="5" t="s">
        <v>163</v>
      </c>
      <c r="B60" s="7" t="s">
        <v>1036</v>
      </c>
      <c r="C60" s="8">
        <v>2216500</v>
      </c>
      <c r="D60" s="8">
        <v>0</v>
      </c>
      <c r="E60" s="8">
        <v>0</v>
      </c>
      <c r="F60" s="8">
        <v>0</v>
      </c>
      <c r="G60" s="8">
        <v>0</v>
      </c>
      <c r="H60" s="8">
        <v>0</v>
      </c>
      <c r="I60" s="8">
        <v>0</v>
      </c>
    </row>
    <row r="61" spans="1:9" x14ac:dyDescent="0.25">
      <c r="A61" s="4" t="s">
        <v>167</v>
      </c>
      <c r="B61" s="6" t="s">
        <v>1037</v>
      </c>
      <c r="C61" s="9">
        <v>10000</v>
      </c>
      <c r="D61" s="9">
        <v>0</v>
      </c>
      <c r="E61" s="9">
        <v>0</v>
      </c>
      <c r="F61" s="9">
        <v>0</v>
      </c>
      <c r="G61" s="9">
        <v>0</v>
      </c>
      <c r="H61" s="9">
        <v>0</v>
      </c>
      <c r="I61" s="9">
        <v>0</v>
      </c>
    </row>
    <row r="62" spans="1:9" x14ac:dyDescent="0.25">
      <c r="A62" s="4" t="s">
        <v>171</v>
      </c>
      <c r="B62" s="6" t="s">
        <v>1038</v>
      </c>
      <c r="C62" s="9">
        <v>0</v>
      </c>
      <c r="D62" s="9">
        <v>0</v>
      </c>
      <c r="E62" s="9">
        <v>0</v>
      </c>
      <c r="F62" s="9">
        <v>0</v>
      </c>
      <c r="G62" s="9">
        <v>0</v>
      </c>
      <c r="H62" s="9">
        <v>0</v>
      </c>
      <c r="I62" s="9">
        <v>0</v>
      </c>
    </row>
    <row r="63" spans="1:9" x14ac:dyDescent="0.25">
      <c r="A63" s="4" t="s">
        <v>175</v>
      </c>
      <c r="B63" s="6" t="s">
        <v>1039</v>
      </c>
      <c r="C63" s="9">
        <v>0</v>
      </c>
      <c r="D63" s="9">
        <v>0</v>
      </c>
      <c r="E63" s="9">
        <v>0</v>
      </c>
      <c r="F63" s="9">
        <v>0</v>
      </c>
      <c r="G63" s="9">
        <v>0</v>
      </c>
      <c r="H63" s="9">
        <v>0</v>
      </c>
      <c r="I63" s="9">
        <v>0</v>
      </c>
    </row>
    <row r="64" spans="1:9" x14ac:dyDescent="0.25">
      <c r="A64" s="4" t="s">
        <v>177</v>
      </c>
      <c r="B64" s="6" t="s">
        <v>1040</v>
      </c>
      <c r="C64" s="9">
        <v>2206500</v>
      </c>
      <c r="D64" s="9">
        <v>0</v>
      </c>
      <c r="E64" s="9">
        <v>0</v>
      </c>
      <c r="F64" s="9">
        <v>0</v>
      </c>
      <c r="G64" s="9">
        <v>0</v>
      </c>
      <c r="H64" s="9">
        <v>0</v>
      </c>
      <c r="I64" s="9">
        <v>0</v>
      </c>
    </row>
    <row r="65" spans="1:9" x14ac:dyDescent="0.25">
      <c r="A65" s="4" t="s">
        <v>181</v>
      </c>
      <c r="B65" s="6" t="s">
        <v>1041</v>
      </c>
      <c r="C65" s="9">
        <v>332598881</v>
      </c>
      <c r="D65" s="9">
        <v>276943194.02999997</v>
      </c>
      <c r="E65" s="9">
        <v>276943194.02999997</v>
      </c>
      <c r="F65" s="9">
        <v>276943194.02999997</v>
      </c>
      <c r="G65" s="9">
        <v>0</v>
      </c>
      <c r="H65" s="9">
        <v>0</v>
      </c>
      <c r="I65" s="9">
        <v>0</v>
      </c>
    </row>
    <row r="66" spans="1:9" x14ac:dyDescent="0.25">
      <c r="A66" s="4" t="s">
        <v>185</v>
      </c>
      <c r="B66" s="6" t="s">
        <v>1042</v>
      </c>
      <c r="C66" s="9">
        <v>1944391417.2</v>
      </c>
      <c r="D66" s="9">
        <v>1328418073.3699999</v>
      </c>
      <c r="E66" s="9">
        <v>1183101170.0699999</v>
      </c>
      <c r="F66" s="9">
        <v>1169351278.0999999</v>
      </c>
      <c r="G66" s="9">
        <v>22857875.420000002</v>
      </c>
      <c r="H66" s="9">
        <v>98171994.25</v>
      </c>
      <c r="I66" s="9">
        <v>96857549.890000001</v>
      </c>
    </row>
    <row r="67" spans="1:9" x14ac:dyDescent="0.25">
      <c r="A67" s="4" t="s">
        <v>188</v>
      </c>
      <c r="B67" s="6" t="s">
        <v>1043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5" t="s">
        <v>191</v>
      </c>
      <c r="B68" s="7" t="s">
        <v>1044</v>
      </c>
      <c r="C68" s="8">
        <v>15382146602.809999</v>
      </c>
      <c r="D68" s="8">
        <v>12090571941.32</v>
      </c>
      <c r="E68" s="8">
        <v>11368287465.49</v>
      </c>
      <c r="F68" s="8">
        <v>11165324312.66</v>
      </c>
      <c r="G68" s="8">
        <v>353816166.01999998</v>
      </c>
      <c r="H68" s="8">
        <v>494303513.79000002</v>
      </c>
      <c r="I68" s="8">
        <v>478528372.45999998</v>
      </c>
    </row>
    <row r="70" spans="1:9" x14ac:dyDescent="0.25">
      <c r="A70" s="14" t="s">
        <v>6</v>
      </c>
      <c r="B70" s="14" t="s">
        <v>1045</v>
      </c>
      <c r="C70" s="14" t="s">
        <v>1046</v>
      </c>
    </row>
    <row r="71" spans="1:9" x14ac:dyDescent="0.25">
      <c r="A71" s="14" t="s">
        <v>7</v>
      </c>
      <c r="B71" s="14" t="s">
        <v>7</v>
      </c>
      <c r="C71" s="14" t="s">
        <v>7</v>
      </c>
    </row>
    <row r="72" spans="1:9" x14ac:dyDescent="0.25">
      <c r="A72" s="4" t="s">
        <v>194</v>
      </c>
      <c r="B72" s="6" t="s">
        <v>1047</v>
      </c>
      <c r="C72" s="9">
        <v>552368269.87</v>
      </c>
    </row>
    <row r="74" spans="1:9" x14ac:dyDescent="0.25">
      <c r="A74" s="14" t="s">
        <v>6</v>
      </c>
      <c r="B74" s="14" t="s">
        <v>1048</v>
      </c>
      <c r="C74" s="14" t="s">
        <v>1049</v>
      </c>
    </row>
    <row r="75" spans="1:9" x14ac:dyDescent="0.25">
      <c r="A75" s="14" t="s">
        <v>7</v>
      </c>
      <c r="B75" s="14" t="s">
        <v>7</v>
      </c>
      <c r="C75" s="14" t="s">
        <v>7</v>
      </c>
    </row>
    <row r="76" spans="1:9" x14ac:dyDescent="0.25">
      <c r="A76" s="4" t="s">
        <v>197</v>
      </c>
      <c r="B76" s="6" t="s">
        <v>1050</v>
      </c>
      <c r="C76" s="9">
        <v>772321000</v>
      </c>
    </row>
    <row r="78" spans="1:9" x14ac:dyDescent="0.25">
      <c r="A78" s="14" t="s">
        <v>6</v>
      </c>
      <c r="B78" s="14" t="s">
        <v>1051</v>
      </c>
      <c r="C78" s="1" t="s">
        <v>897</v>
      </c>
    </row>
    <row r="79" spans="1:9" x14ac:dyDescent="0.25">
      <c r="A79" s="14" t="s">
        <v>7</v>
      </c>
      <c r="B79" s="14" t="s">
        <v>7</v>
      </c>
      <c r="C79" s="1" t="s">
        <v>1052</v>
      </c>
    </row>
    <row r="80" spans="1:9" x14ac:dyDescent="0.25">
      <c r="A80" s="4" t="s">
        <v>198</v>
      </c>
      <c r="B80" s="6" t="s">
        <v>1053</v>
      </c>
      <c r="C80" s="9">
        <v>56538459.810000002</v>
      </c>
    </row>
    <row r="81" spans="1:4" x14ac:dyDescent="0.25">
      <c r="A81" s="4" t="s">
        <v>199</v>
      </c>
      <c r="B81" s="6" t="s">
        <v>1054</v>
      </c>
      <c r="C81" s="9">
        <v>396461766.89999998</v>
      </c>
    </row>
    <row r="83" spans="1:4" x14ac:dyDescent="0.25">
      <c r="A83" s="14" t="s">
        <v>6</v>
      </c>
      <c r="B83" s="14" t="s">
        <v>1055</v>
      </c>
      <c r="C83" s="14" t="s">
        <v>1052</v>
      </c>
    </row>
    <row r="84" spans="1:4" x14ac:dyDescent="0.25">
      <c r="A84" s="14" t="s">
        <v>7</v>
      </c>
      <c r="B84" s="14" t="s">
        <v>7</v>
      </c>
      <c r="C84" s="14" t="s">
        <v>7</v>
      </c>
    </row>
    <row r="85" spans="1:4" x14ac:dyDescent="0.25">
      <c r="A85" s="4" t="s">
        <v>200</v>
      </c>
      <c r="B85" s="6" t="s">
        <v>1056</v>
      </c>
      <c r="C85" s="9">
        <v>212444962.78</v>
      </c>
    </row>
    <row r="87" spans="1:4" x14ac:dyDescent="0.25">
      <c r="A87" s="14" t="s">
        <v>6</v>
      </c>
      <c r="B87" s="14" t="s">
        <v>1057</v>
      </c>
      <c r="C87" s="14" t="s">
        <v>1049</v>
      </c>
    </row>
    <row r="88" spans="1:4" x14ac:dyDescent="0.25">
      <c r="A88" s="14" t="s">
        <v>7</v>
      </c>
      <c r="B88" s="14" t="s">
        <v>7</v>
      </c>
      <c r="C88" s="14" t="s">
        <v>7</v>
      </c>
    </row>
    <row r="89" spans="1:4" x14ac:dyDescent="0.25">
      <c r="A89" s="4" t="s">
        <v>201</v>
      </c>
      <c r="B89" s="6" t="s">
        <v>1050</v>
      </c>
      <c r="C89" s="9">
        <v>672867000</v>
      </c>
    </row>
    <row r="91" spans="1:4" x14ac:dyDescent="0.25">
      <c r="A91" s="14" t="s">
        <v>6</v>
      </c>
      <c r="B91" s="14" t="s">
        <v>1058</v>
      </c>
      <c r="C91" s="14" t="s">
        <v>1059</v>
      </c>
      <c r="D91" s="14" t="s">
        <v>1059</v>
      </c>
    </row>
    <row r="92" spans="1:4" x14ac:dyDescent="0.25">
      <c r="A92" s="14" t="s">
        <v>7</v>
      </c>
      <c r="B92" s="14" t="s">
        <v>7</v>
      </c>
      <c r="C92" s="1" t="s">
        <v>1060</v>
      </c>
      <c r="D92" s="1" t="s">
        <v>465</v>
      </c>
    </row>
    <row r="93" spans="1:4" x14ac:dyDescent="0.25">
      <c r="A93" s="4" t="s">
        <v>204</v>
      </c>
      <c r="B93" s="6" t="s">
        <v>1061</v>
      </c>
      <c r="C93" s="9">
        <v>8798343085.3099995</v>
      </c>
      <c r="D93" s="9">
        <v>9141710365.2700005</v>
      </c>
    </row>
    <row r="94" spans="1:4" x14ac:dyDescent="0.25">
      <c r="A94" s="5" t="s">
        <v>206</v>
      </c>
      <c r="B94" s="7" t="s">
        <v>1062</v>
      </c>
      <c r="C94" s="8">
        <v>763975709.84000003</v>
      </c>
      <c r="D94" s="8">
        <v>1369349518.21</v>
      </c>
    </row>
    <row r="95" spans="1:4" x14ac:dyDescent="0.25">
      <c r="A95" s="5" t="s">
        <v>208</v>
      </c>
      <c r="B95" s="7" t="s">
        <v>1063</v>
      </c>
      <c r="C95" s="8">
        <v>763975709.84000003</v>
      </c>
      <c r="D95" s="8">
        <v>1125535341.3199999</v>
      </c>
    </row>
    <row r="96" spans="1:4" x14ac:dyDescent="0.25">
      <c r="A96" s="4" t="s">
        <v>210</v>
      </c>
      <c r="B96" s="6" t="s">
        <v>1064</v>
      </c>
      <c r="C96" s="9">
        <v>1445376794.3800001</v>
      </c>
      <c r="D96" s="9">
        <v>1499137882.29</v>
      </c>
    </row>
    <row r="97" spans="1:4" x14ac:dyDescent="0.25">
      <c r="A97" s="4" t="s">
        <v>212</v>
      </c>
      <c r="B97" s="6" t="s">
        <v>1065</v>
      </c>
      <c r="C97" s="9">
        <v>681401084.53999996</v>
      </c>
      <c r="D97" s="9">
        <v>373602540.97000003</v>
      </c>
    </row>
    <row r="98" spans="1:4" x14ac:dyDescent="0.25">
      <c r="A98" s="4" t="s">
        <v>216</v>
      </c>
      <c r="B98" s="6" t="s">
        <v>1066</v>
      </c>
      <c r="C98" s="9">
        <v>0</v>
      </c>
      <c r="D98" s="9">
        <v>243814176.88999999</v>
      </c>
    </row>
    <row r="99" spans="1:4" x14ac:dyDescent="0.25">
      <c r="A99" s="5" t="s">
        <v>220</v>
      </c>
      <c r="B99" s="7" t="s">
        <v>1067</v>
      </c>
      <c r="C99" s="8">
        <v>8034367375.4700003</v>
      </c>
      <c r="D99" s="8">
        <v>7772360847.0600004</v>
      </c>
    </row>
    <row r="101" spans="1:4" x14ac:dyDescent="0.25">
      <c r="A101" s="14" t="s">
        <v>6</v>
      </c>
      <c r="B101" s="14" t="s">
        <v>1068</v>
      </c>
      <c r="C101" s="14" t="s">
        <v>1069</v>
      </c>
    </row>
    <row r="102" spans="1:4" x14ac:dyDescent="0.25">
      <c r="A102" s="14" t="s">
        <v>7</v>
      </c>
      <c r="B102" s="14" t="s">
        <v>7</v>
      </c>
      <c r="C102" s="14" t="s">
        <v>7</v>
      </c>
    </row>
    <row r="103" spans="1:4" x14ac:dyDescent="0.25">
      <c r="A103" s="4" t="s">
        <v>222</v>
      </c>
      <c r="B103" s="6" t="s">
        <v>1070</v>
      </c>
      <c r="C103" s="9">
        <v>262006528.41</v>
      </c>
    </row>
    <row r="105" spans="1:4" x14ac:dyDescent="0.25">
      <c r="A105" s="14" t="s">
        <v>6</v>
      </c>
      <c r="B105" s="14" t="s">
        <v>1071</v>
      </c>
      <c r="C105" s="14" t="s">
        <v>1069</v>
      </c>
    </row>
    <row r="106" spans="1:4" x14ac:dyDescent="0.25">
      <c r="A106" s="14" t="s">
        <v>7</v>
      </c>
      <c r="B106" s="14" t="s">
        <v>7</v>
      </c>
      <c r="C106" s="14" t="s">
        <v>7</v>
      </c>
    </row>
    <row r="107" spans="1:4" x14ac:dyDescent="0.25">
      <c r="A107" s="4" t="s">
        <v>224</v>
      </c>
      <c r="B107" s="6" t="s">
        <v>1072</v>
      </c>
      <c r="C107" s="9">
        <v>307798543.56999999</v>
      </c>
    </row>
    <row r="108" spans="1:4" x14ac:dyDescent="0.25">
      <c r="A108" s="4" t="s">
        <v>226</v>
      </c>
      <c r="B108" s="6" t="s">
        <v>1073</v>
      </c>
      <c r="C108" s="9">
        <v>0</v>
      </c>
    </row>
    <row r="109" spans="1:4" x14ac:dyDescent="0.25">
      <c r="A109" s="4" t="s">
        <v>228</v>
      </c>
      <c r="B109" s="6" t="s">
        <v>1074</v>
      </c>
      <c r="C109" s="9">
        <v>80418763.849999994</v>
      </c>
    </row>
    <row r="110" spans="1:4" x14ac:dyDescent="0.25">
      <c r="A110" s="4" t="s">
        <v>230</v>
      </c>
      <c r="B110" s="6" t="s">
        <v>1075</v>
      </c>
      <c r="C110" s="9">
        <v>0</v>
      </c>
    </row>
    <row r="111" spans="1:4" x14ac:dyDescent="0.25">
      <c r="A111" s="4" t="s">
        <v>231</v>
      </c>
      <c r="B111" s="6" t="s">
        <v>1076</v>
      </c>
      <c r="C111" s="9">
        <v>34626748.689999998</v>
      </c>
    </row>
    <row r="113" spans="1:8" x14ac:dyDescent="0.25">
      <c r="A113" s="14" t="s">
        <v>6</v>
      </c>
      <c r="B113" s="14" t="s">
        <v>1077</v>
      </c>
      <c r="C113" s="14" t="s">
        <v>940</v>
      </c>
    </row>
    <row r="114" spans="1:8" x14ac:dyDescent="0.25">
      <c r="A114" s="14" t="s">
        <v>7</v>
      </c>
      <c r="B114" s="14" t="s">
        <v>7</v>
      </c>
      <c r="C114" s="14" t="s">
        <v>7</v>
      </c>
    </row>
    <row r="115" spans="1:8" x14ac:dyDescent="0.25">
      <c r="A115" s="4" t="s">
        <v>232</v>
      </c>
      <c r="B115" s="6" t="s">
        <v>1078</v>
      </c>
      <c r="C115" s="9">
        <v>374550055.77999997</v>
      </c>
    </row>
    <row r="117" spans="1:8" x14ac:dyDescent="0.25">
      <c r="A117" s="14" t="s">
        <v>6</v>
      </c>
      <c r="B117" s="14" t="s">
        <v>1079</v>
      </c>
      <c r="C117" s="14" t="s">
        <v>940</v>
      </c>
    </row>
    <row r="118" spans="1:8" x14ac:dyDescent="0.25">
      <c r="A118" s="14" t="s">
        <v>7</v>
      </c>
      <c r="B118" s="14" t="s">
        <v>7</v>
      </c>
      <c r="C118" s="14" t="s">
        <v>7</v>
      </c>
    </row>
    <row r="119" spans="1:8" x14ac:dyDescent="0.25">
      <c r="A119" s="5" t="s">
        <v>234</v>
      </c>
      <c r="B119" s="7" t="s">
        <v>1080</v>
      </c>
      <c r="C119" s="8">
        <v>185279289</v>
      </c>
    </row>
    <row r="120" spans="1:8" x14ac:dyDescent="0.25">
      <c r="A120" s="4" t="s">
        <v>236</v>
      </c>
      <c r="B120" s="6" t="s">
        <v>242</v>
      </c>
      <c r="C120" s="9">
        <v>0</v>
      </c>
    </row>
    <row r="121" spans="1:8" x14ac:dyDescent="0.25">
      <c r="A121" s="4" t="s">
        <v>238</v>
      </c>
      <c r="B121" s="6" t="s">
        <v>1081</v>
      </c>
      <c r="C121" s="9">
        <v>185279289</v>
      </c>
    </row>
    <row r="122" spans="1:8" x14ac:dyDescent="0.25">
      <c r="A122" s="4" t="s">
        <v>241</v>
      </c>
      <c r="B122" s="6" t="s">
        <v>942</v>
      </c>
      <c r="C122" s="9">
        <v>149972300</v>
      </c>
    </row>
    <row r="124" spans="1:8" x14ac:dyDescent="0.25">
      <c r="A124" s="14" t="s">
        <v>6</v>
      </c>
      <c r="B124" s="14" t="s">
        <v>1082</v>
      </c>
      <c r="C124" s="14" t="s">
        <v>250</v>
      </c>
      <c r="D124" s="14" t="s">
        <v>7</v>
      </c>
      <c r="E124" s="14" t="s">
        <v>254</v>
      </c>
      <c r="F124" s="14" t="s">
        <v>7</v>
      </c>
      <c r="G124" s="14" t="s">
        <v>1085</v>
      </c>
      <c r="H124" s="14" t="s">
        <v>1085</v>
      </c>
    </row>
    <row r="125" spans="1:8" ht="21" x14ac:dyDescent="0.25">
      <c r="A125" s="14" t="s">
        <v>7</v>
      </c>
      <c r="B125" s="14" t="s">
        <v>7</v>
      </c>
      <c r="C125" s="1" t="s">
        <v>1083</v>
      </c>
      <c r="D125" s="1" t="s">
        <v>1084</v>
      </c>
      <c r="E125" s="1" t="s">
        <v>1083</v>
      </c>
      <c r="F125" s="1" t="s">
        <v>1084</v>
      </c>
      <c r="G125" s="1" t="s">
        <v>1083</v>
      </c>
      <c r="H125" s="1" t="s">
        <v>1084</v>
      </c>
    </row>
    <row r="126" spans="1:8" x14ac:dyDescent="0.25">
      <c r="A126" s="5" t="s">
        <v>243</v>
      </c>
      <c r="B126" s="7" t="s">
        <v>1086</v>
      </c>
      <c r="C126" s="8">
        <v>13082438654.219999</v>
      </c>
      <c r="D126" s="8">
        <v>13115369532.33</v>
      </c>
      <c r="E126" s="8">
        <v>12926683037.09</v>
      </c>
      <c r="F126" s="8">
        <v>12538400239.040001</v>
      </c>
      <c r="G126" s="8">
        <v>867570554.86000001</v>
      </c>
      <c r="H126" s="8">
        <v>576969293.28999996</v>
      </c>
    </row>
    <row r="127" spans="1:8" x14ac:dyDescent="0.25">
      <c r="A127" s="4" t="s">
        <v>245</v>
      </c>
      <c r="B127" s="6" t="s">
        <v>1029</v>
      </c>
      <c r="C127" s="9">
        <v>9268376650.6200008</v>
      </c>
      <c r="D127" s="9">
        <v>9286499226.6200008</v>
      </c>
      <c r="E127" s="9">
        <v>9124592365.5699997</v>
      </c>
      <c r="F127" s="9">
        <v>8942806391.6499996</v>
      </c>
      <c r="G127" s="9">
        <v>572633988.94000006</v>
      </c>
      <c r="H127" s="9">
        <v>343692834.97000003</v>
      </c>
    </row>
    <row r="128" spans="1:8" x14ac:dyDescent="0.25">
      <c r="A128" s="4" t="s">
        <v>260</v>
      </c>
      <c r="B128" s="6" t="s">
        <v>1087</v>
      </c>
      <c r="C128" s="9">
        <v>214056482.44</v>
      </c>
      <c r="D128" s="9">
        <v>336980688.60000002</v>
      </c>
      <c r="E128" s="9">
        <v>214056482.44</v>
      </c>
      <c r="F128" s="9">
        <v>336980688.60000002</v>
      </c>
      <c r="G128" s="9">
        <v>0</v>
      </c>
      <c r="H128" s="9">
        <v>0</v>
      </c>
    </row>
    <row r="129" spans="1:8" x14ac:dyDescent="0.25">
      <c r="A129" s="4" t="s">
        <v>263</v>
      </c>
      <c r="B129" s="6" t="s">
        <v>1031</v>
      </c>
      <c r="C129" s="9">
        <v>3600005521.1599998</v>
      </c>
      <c r="D129" s="9">
        <v>3491889617.1100001</v>
      </c>
      <c r="E129" s="9">
        <v>3588034189.0799999</v>
      </c>
      <c r="F129" s="9">
        <v>3258613158.79</v>
      </c>
      <c r="G129" s="9">
        <v>294936565.92000002</v>
      </c>
      <c r="H129" s="9">
        <v>233276458.31999999</v>
      </c>
    </row>
    <row r="130" spans="1:8" x14ac:dyDescent="0.25">
      <c r="A130" s="4" t="s">
        <v>265</v>
      </c>
      <c r="B130" s="6" t="s">
        <v>1088</v>
      </c>
      <c r="C130" s="9">
        <v>12868382171.780001</v>
      </c>
      <c r="D130" s="9">
        <v>12778388843.73</v>
      </c>
      <c r="E130" s="9">
        <v>12712626554.65</v>
      </c>
      <c r="F130" s="9">
        <v>12201419550.440001</v>
      </c>
      <c r="G130" s="9">
        <v>867570554.86000001</v>
      </c>
      <c r="H130" s="9">
        <v>576969293.28999996</v>
      </c>
    </row>
    <row r="131" spans="1:8" x14ac:dyDescent="0.25">
      <c r="A131" s="4" t="s">
        <v>267</v>
      </c>
      <c r="B131" s="6" t="s">
        <v>1089</v>
      </c>
      <c r="C131" s="9">
        <v>170668202.75999999</v>
      </c>
      <c r="D131" s="9">
        <v>154000000</v>
      </c>
      <c r="E131" s="9">
        <v>184668202.75999999</v>
      </c>
      <c r="F131" s="9">
        <v>154000000</v>
      </c>
      <c r="G131" s="9">
        <v>0</v>
      </c>
      <c r="H131" s="9">
        <v>0</v>
      </c>
    </row>
    <row r="132" spans="1:8" x14ac:dyDescent="0.25">
      <c r="A132" s="4" t="s">
        <v>269</v>
      </c>
      <c r="B132" s="6" t="s">
        <v>1090</v>
      </c>
      <c r="C132" s="9">
        <v>86170831.019999996</v>
      </c>
      <c r="D132" s="9">
        <v>71290438.420000002</v>
      </c>
      <c r="E132" s="9">
        <v>86276840.680000007</v>
      </c>
      <c r="F132" s="9">
        <v>71231186.659999996</v>
      </c>
      <c r="G132" s="9">
        <v>192016.4</v>
      </c>
      <c r="H132" s="9">
        <v>59251.76</v>
      </c>
    </row>
    <row r="133" spans="1:8" x14ac:dyDescent="0.25">
      <c r="A133" s="4" t="s">
        <v>271</v>
      </c>
      <c r="B133" s="6" t="s">
        <v>1091</v>
      </c>
      <c r="C133" s="9">
        <v>12611543138</v>
      </c>
      <c r="D133" s="9">
        <v>12553098405.309999</v>
      </c>
      <c r="E133" s="9">
        <v>12441681511.209999</v>
      </c>
      <c r="F133" s="9">
        <v>11976188363.780001</v>
      </c>
      <c r="G133" s="9">
        <v>867378538.46000004</v>
      </c>
      <c r="H133" s="9">
        <v>576910041.52999997</v>
      </c>
    </row>
  </sheetData>
  <mergeCells count="48">
    <mergeCell ref="A124:A125"/>
    <mergeCell ref="B124:B125"/>
    <mergeCell ref="C124:D124"/>
    <mergeCell ref="E124:F124"/>
    <mergeCell ref="G124:H124"/>
    <mergeCell ref="A113:A114"/>
    <mergeCell ref="B113:B114"/>
    <mergeCell ref="C113:C114"/>
    <mergeCell ref="A117:A118"/>
    <mergeCell ref="B117:B118"/>
    <mergeCell ref="C117:C118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E25" workbookViewId="0">
      <selection activeCell="N40" sqref="N40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9" width="19" bestFit="1" customWidth="1"/>
    <col min="10" max="12" width="17.28515625" bestFit="1" customWidth="1"/>
    <col min="13" max="13" width="16" bestFit="1" customWidth="1"/>
    <col min="14" max="14" width="17.28515625" bestFit="1" customWidth="1"/>
  </cols>
  <sheetData>
    <row r="3" spans="1:14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</row>
    <row r="4" spans="1:14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</row>
    <row r="5" spans="1:14" x14ac:dyDescent="0.25">
      <c r="A5" s="12" t="s">
        <v>1092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</row>
    <row r="6" spans="1:14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</row>
    <row r="7" spans="1:14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</row>
    <row r="9" spans="1:14" x14ac:dyDescent="0.25">
      <c r="A9" s="13" t="s">
        <v>1093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</row>
    <row r="10" spans="1:14" x14ac:dyDescent="0.25">
      <c r="A10" s="14" t="s">
        <v>6</v>
      </c>
      <c r="B10" s="14" t="s">
        <v>1094</v>
      </c>
      <c r="C10" s="14" t="s">
        <v>1095</v>
      </c>
      <c r="D10" s="14" t="s">
        <v>7</v>
      </c>
      <c r="E10" s="14" t="s">
        <v>7</v>
      </c>
      <c r="F10" s="14" t="s">
        <v>7</v>
      </c>
      <c r="G10" s="14" t="s">
        <v>7</v>
      </c>
      <c r="H10" s="14" t="s">
        <v>1100</v>
      </c>
      <c r="I10" s="14" t="s">
        <v>7</v>
      </c>
      <c r="J10" s="14" t="s">
        <v>7</v>
      </c>
      <c r="K10" s="14" t="s">
        <v>7</v>
      </c>
      <c r="L10" s="14" t="s">
        <v>7</v>
      </c>
      <c r="M10" s="14" t="s">
        <v>7</v>
      </c>
      <c r="N10" s="14" t="s">
        <v>1107</v>
      </c>
    </row>
    <row r="11" spans="1:14" ht="31.5" x14ac:dyDescent="0.25">
      <c r="A11" s="14" t="s">
        <v>7</v>
      </c>
      <c r="B11" s="14" t="s">
        <v>7</v>
      </c>
      <c r="C11" s="1" t="s">
        <v>1096</v>
      </c>
      <c r="D11" s="1" t="s">
        <v>1097</v>
      </c>
      <c r="E11" s="1" t="s">
        <v>1027</v>
      </c>
      <c r="F11" s="1" t="s">
        <v>1098</v>
      </c>
      <c r="G11" s="1" t="s">
        <v>1099</v>
      </c>
      <c r="H11" s="1" t="s">
        <v>1101</v>
      </c>
      <c r="I11" s="1" t="s">
        <v>1102</v>
      </c>
      <c r="J11" s="1" t="s">
        <v>1103</v>
      </c>
      <c r="K11" s="1" t="s">
        <v>1104</v>
      </c>
      <c r="L11" s="1" t="s">
        <v>1105</v>
      </c>
      <c r="M11" s="1" t="s">
        <v>1106</v>
      </c>
      <c r="N11" s="14" t="s">
        <v>7</v>
      </c>
    </row>
    <row r="12" spans="1:14" x14ac:dyDescent="0.25">
      <c r="A12" s="5" t="s">
        <v>17</v>
      </c>
      <c r="B12" s="7" t="s">
        <v>1108</v>
      </c>
      <c r="C12" s="8">
        <v>27986238.440000001</v>
      </c>
      <c r="D12" s="8">
        <v>406507146.08999997</v>
      </c>
      <c r="E12" s="8">
        <v>353816166.01999998</v>
      </c>
      <c r="F12" s="8">
        <v>8269375.5599999996</v>
      </c>
      <c r="G12" s="8">
        <v>72407842.950000003</v>
      </c>
      <c r="H12" s="8">
        <v>11381171.49</v>
      </c>
      <c r="I12" s="8">
        <v>1014244280.01</v>
      </c>
      <c r="J12" s="8">
        <v>494303513.79000002</v>
      </c>
      <c r="K12" s="8">
        <v>478528372.45999998</v>
      </c>
      <c r="L12" s="8">
        <v>493914870.41000003</v>
      </c>
      <c r="M12" s="8">
        <v>53182208.630000003</v>
      </c>
      <c r="N12" s="8">
        <v>125590051.58</v>
      </c>
    </row>
    <row r="13" spans="1:14" x14ac:dyDescent="0.25">
      <c r="A13" s="4" t="s">
        <v>21</v>
      </c>
      <c r="B13" s="6" t="s">
        <v>1109</v>
      </c>
      <c r="C13" s="9">
        <v>27986238.440000001</v>
      </c>
      <c r="D13" s="9">
        <v>359014034.35000002</v>
      </c>
      <c r="E13" s="9">
        <v>306338697.22000003</v>
      </c>
      <c r="F13" s="9">
        <v>8253732.6200000001</v>
      </c>
      <c r="G13" s="9">
        <v>72407842.950000003</v>
      </c>
      <c r="H13" s="9">
        <v>11381171.49</v>
      </c>
      <c r="I13" s="9">
        <v>956032779.25999999</v>
      </c>
      <c r="J13" s="9">
        <v>446946658.06999999</v>
      </c>
      <c r="K13" s="9">
        <v>431172116.74000001</v>
      </c>
      <c r="L13" s="9">
        <v>483060225.38</v>
      </c>
      <c r="M13" s="9">
        <v>53181608.630000003</v>
      </c>
      <c r="N13" s="9">
        <v>125589451.58</v>
      </c>
    </row>
    <row r="14" spans="1:14" x14ac:dyDescent="0.25">
      <c r="A14" s="5" t="s">
        <v>25</v>
      </c>
      <c r="B14" s="7" t="s">
        <v>1110</v>
      </c>
      <c r="C14" s="8">
        <v>0</v>
      </c>
      <c r="D14" s="8">
        <v>11154532.18</v>
      </c>
      <c r="E14" s="8">
        <v>11154532.18</v>
      </c>
      <c r="F14" s="8">
        <v>0</v>
      </c>
      <c r="G14" s="8">
        <v>0</v>
      </c>
      <c r="H14" s="8">
        <v>0</v>
      </c>
      <c r="I14" s="8">
        <v>6963242.1799999997</v>
      </c>
      <c r="J14" s="8">
        <v>6916273.7800000003</v>
      </c>
      <c r="K14" s="8">
        <v>6916273.7800000003</v>
      </c>
      <c r="L14" s="8">
        <v>46968.4</v>
      </c>
      <c r="M14" s="8">
        <v>0</v>
      </c>
      <c r="N14" s="8">
        <v>0</v>
      </c>
    </row>
    <row r="15" spans="1:14" x14ac:dyDescent="0.25">
      <c r="A15" s="4" t="s">
        <v>29</v>
      </c>
      <c r="B15" s="6" t="s">
        <v>1111</v>
      </c>
      <c r="C15" s="9">
        <v>0</v>
      </c>
      <c r="D15" s="9">
        <v>10394069.26</v>
      </c>
      <c r="E15" s="9">
        <v>10394069.26</v>
      </c>
      <c r="F15" s="9">
        <v>0</v>
      </c>
      <c r="G15" s="9">
        <v>0</v>
      </c>
      <c r="H15" s="9">
        <v>0</v>
      </c>
      <c r="I15" s="9">
        <v>0</v>
      </c>
      <c r="J15" s="9">
        <v>0</v>
      </c>
      <c r="K15" s="9">
        <v>0</v>
      </c>
      <c r="L15" s="9">
        <v>0</v>
      </c>
      <c r="M15" s="9">
        <v>0</v>
      </c>
      <c r="N15" s="9">
        <v>0</v>
      </c>
    </row>
    <row r="16" spans="1:14" x14ac:dyDescent="0.25">
      <c r="A16" s="4" t="s">
        <v>33</v>
      </c>
      <c r="B16" s="6" t="s">
        <v>1112</v>
      </c>
      <c r="C16" s="9">
        <v>0</v>
      </c>
      <c r="D16" s="9">
        <v>758842.92</v>
      </c>
      <c r="E16" s="9">
        <v>758842.92</v>
      </c>
      <c r="F16" s="9">
        <v>0</v>
      </c>
      <c r="G16" s="9">
        <v>0</v>
      </c>
      <c r="H16" s="9">
        <v>0</v>
      </c>
      <c r="I16" s="9">
        <v>6958799.1799999997</v>
      </c>
      <c r="J16" s="9">
        <v>6911830.7800000003</v>
      </c>
      <c r="K16" s="9">
        <v>6911830.7800000003</v>
      </c>
      <c r="L16" s="9">
        <v>46968.4</v>
      </c>
      <c r="M16" s="9">
        <v>0</v>
      </c>
      <c r="N16" s="9">
        <v>0</v>
      </c>
    </row>
    <row r="17" spans="1:14" x14ac:dyDescent="0.25">
      <c r="A17" s="4" t="s">
        <v>37</v>
      </c>
      <c r="B17" s="6" t="s">
        <v>1113</v>
      </c>
      <c r="C17" s="9">
        <v>0</v>
      </c>
      <c r="D17" s="9">
        <v>1620</v>
      </c>
      <c r="E17" s="9">
        <v>1620</v>
      </c>
      <c r="F17" s="9">
        <v>0</v>
      </c>
      <c r="G17" s="9">
        <v>0</v>
      </c>
      <c r="H17" s="9">
        <v>0</v>
      </c>
      <c r="I17" s="9">
        <v>4443</v>
      </c>
      <c r="J17" s="9">
        <v>4443</v>
      </c>
      <c r="K17" s="9">
        <v>4443</v>
      </c>
      <c r="L17" s="9">
        <v>0</v>
      </c>
      <c r="M17" s="9">
        <v>0</v>
      </c>
      <c r="N17" s="9">
        <v>0</v>
      </c>
    </row>
    <row r="18" spans="1:14" x14ac:dyDescent="0.25">
      <c r="A18" s="5" t="s">
        <v>40</v>
      </c>
      <c r="B18" s="7" t="s">
        <v>1114</v>
      </c>
      <c r="C18" s="8">
        <v>0</v>
      </c>
      <c r="D18" s="8">
        <v>35153056.259999998</v>
      </c>
      <c r="E18" s="8">
        <v>35137414.090000004</v>
      </c>
      <c r="F18" s="8">
        <v>15642.17</v>
      </c>
      <c r="G18" s="8">
        <v>0</v>
      </c>
      <c r="H18" s="8">
        <v>0</v>
      </c>
      <c r="I18" s="8">
        <v>18618679</v>
      </c>
      <c r="J18" s="8">
        <v>13165828.57</v>
      </c>
      <c r="K18" s="8">
        <v>13165828.57</v>
      </c>
      <c r="L18" s="8">
        <v>5452850.4299999997</v>
      </c>
      <c r="M18" s="8">
        <v>0</v>
      </c>
      <c r="N18" s="8">
        <v>0</v>
      </c>
    </row>
    <row r="19" spans="1:14" x14ac:dyDescent="0.25">
      <c r="A19" s="4" t="s">
        <v>44</v>
      </c>
      <c r="B19" s="6" t="s">
        <v>1115</v>
      </c>
      <c r="C19" s="9">
        <v>0</v>
      </c>
      <c r="D19" s="9">
        <v>32732129.649999999</v>
      </c>
      <c r="E19" s="9">
        <v>32716927.48</v>
      </c>
      <c r="F19" s="9">
        <v>15202.17</v>
      </c>
      <c r="G19" s="9">
        <v>0</v>
      </c>
      <c r="H19" s="9">
        <v>0</v>
      </c>
      <c r="I19" s="9">
        <v>0</v>
      </c>
      <c r="J19" s="9">
        <v>0</v>
      </c>
      <c r="K19" s="9">
        <v>0</v>
      </c>
      <c r="L19" s="9">
        <v>0</v>
      </c>
      <c r="M19" s="9">
        <v>0</v>
      </c>
      <c r="N19" s="9">
        <v>0</v>
      </c>
    </row>
    <row r="20" spans="1:14" x14ac:dyDescent="0.25">
      <c r="A20" s="4" t="s">
        <v>46</v>
      </c>
      <c r="B20" s="6" t="s">
        <v>1116</v>
      </c>
      <c r="C20" s="9">
        <v>0</v>
      </c>
      <c r="D20" s="9">
        <v>2420926.61</v>
      </c>
      <c r="E20" s="9">
        <v>2420486.61</v>
      </c>
      <c r="F20" s="9">
        <v>440</v>
      </c>
      <c r="G20" s="9">
        <v>0</v>
      </c>
      <c r="H20" s="9">
        <v>0</v>
      </c>
      <c r="I20" s="9">
        <v>18618679</v>
      </c>
      <c r="J20" s="9">
        <v>13165828.57</v>
      </c>
      <c r="K20" s="9">
        <v>13165828.57</v>
      </c>
      <c r="L20" s="9">
        <v>5452850.4299999997</v>
      </c>
      <c r="M20" s="9">
        <v>0</v>
      </c>
      <c r="N20" s="9">
        <v>0</v>
      </c>
    </row>
    <row r="21" spans="1:14" x14ac:dyDescent="0.25">
      <c r="A21" s="5" t="s">
        <v>48</v>
      </c>
      <c r="B21" s="7" t="s">
        <v>1117</v>
      </c>
      <c r="C21" s="8">
        <v>0</v>
      </c>
      <c r="D21" s="8">
        <v>808440.98</v>
      </c>
      <c r="E21" s="8">
        <v>808440.98</v>
      </c>
      <c r="F21" s="8">
        <v>0</v>
      </c>
      <c r="G21" s="8">
        <v>0</v>
      </c>
      <c r="H21" s="8">
        <v>0</v>
      </c>
      <c r="I21" s="8">
        <v>30606960.280000001</v>
      </c>
      <c r="J21" s="8">
        <v>25799423.640000001</v>
      </c>
      <c r="K21" s="8">
        <v>25798823.640000001</v>
      </c>
      <c r="L21" s="8">
        <v>4807536.6399999997</v>
      </c>
      <c r="M21" s="8">
        <v>600</v>
      </c>
      <c r="N21" s="8">
        <v>600</v>
      </c>
    </row>
    <row r="22" spans="1:14" x14ac:dyDescent="0.25">
      <c r="A22" s="4" t="s">
        <v>50</v>
      </c>
      <c r="B22" s="6" t="s">
        <v>1118</v>
      </c>
      <c r="C22" s="9">
        <v>0</v>
      </c>
      <c r="D22" s="9">
        <v>808440.98</v>
      </c>
      <c r="E22" s="9">
        <v>808440.98</v>
      </c>
      <c r="F22" s="9">
        <v>0</v>
      </c>
      <c r="G22" s="9">
        <v>0</v>
      </c>
      <c r="H22" s="9">
        <v>0</v>
      </c>
      <c r="I22" s="9">
        <v>18725077.809999999</v>
      </c>
      <c r="J22" s="9">
        <v>18011598.460000001</v>
      </c>
      <c r="K22" s="9">
        <v>18010998.460000001</v>
      </c>
      <c r="L22" s="9">
        <v>713479.35</v>
      </c>
      <c r="M22" s="9">
        <v>600</v>
      </c>
      <c r="N22" s="9">
        <v>600</v>
      </c>
    </row>
    <row r="23" spans="1:14" x14ac:dyDescent="0.25">
      <c r="A23" s="4" t="s">
        <v>52</v>
      </c>
      <c r="B23" s="6" t="s">
        <v>1119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11881882.470000001</v>
      </c>
      <c r="J23" s="9">
        <v>7787825.1799999997</v>
      </c>
      <c r="K23" s="9">
        <v>7787825.1799999997</v>
      </c>
      <c r="L23" s="9">
        <v>4094057.29</v>
      </c>
      <c r="M23" s="9">
        <v>0</v>
      </c>
      <c r="N23" s="9">
        <v>0</v>
      </c>
    </row>
    <row r="24" spans="1:14" x14ac:dyDescent="0.25">
      <c r="A24" s="4" t="s">
        <v>56</v>
      </c>
      <c r="B24" s="6" t="s">
        <v>1120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</row>
    <row r="25" spans="1:14" x14ac:dyDescent="0.25">
      <c r="A25" s="4" t="s">
        <v>60</v>
      </c>
      <c r="B25" s="6" t="s">
        <v>1121</v>
      </c>
      <c r="C25" s="9">
        <v>0</v>
      </c>
      <c r="D25" s="9">
        <v>377082.32</v>
      </c>
      <c r="E25" s="9">
        <v>377081.55</v>
      </c>
      <c r="F25" s="9">
        <v>0.77</v>
      </c>
      <c r="G25" s="9">
        <v>0</v>
      </c>
      <c r="H25" s="9">
        <v>0</v>
      </c>
      <c r="I25" s="9">
        <v>2022619.29</v>
      </c>
      <c r="J25" s="9">
        <v>1475329.73</v>
      </c>
      <c r="K25" s="9">
        <v>1475329.73</v>
      </c>
      <c r="L25" s="9">
        <v>547289.56000000006</v>
      </c>
      <c r="M25" s="9">
        <v>0</v>
      </c>
      <c r="N25" s="9">
        <v>0</v>
      </c>
    </row>
    <row r="26" spans="1:14" x14ac:dyDescent="0.25">
      <c r="A26" s="5" t="s">
        <v>64</v>
      </c>
      <c r="B26" s="7" t="s">
        <v>1122</v>
      </c>
      <c r="C26" s="8">
        <v>30044875.41</v>
      </c>
      <c r="D26" s="8">
        <v>330164685.42000002</v>
      </c>
      <c r="E26" s="8">
        <v>350738291.05000001</v>
      </c>
      <c r="F26" s="8">
        <v>54920.46</v>
      </c>
      <c r="G26" s="8">
        <v>9416349.3200000003</v>
      </c>
      <c r="H26" s="8">
        <v>503414.05</v>
      </c>
      <c r="I26" s="8">
        <v>91257.22</v>
      </c>
      <c r="J26" s="8">
        <v>519331.62</v>
      </c>
      <c r="K26" s="8">
        <v>16825.2</v>
      </c>
      <c r="L26" s="8">
        <v>2819.59</v>
      </c>
      <c r="M26" s="8">
        <v>575026.48</v>
      </c>
      <c r="N26" s="8">
        <v>9991375.8000000007</v>
      </c>
    </row>
    <row r="27" spans="1:14" x14ac:dyDescent="0.25">
      <c r="A27" s="4" t="s">
        <v>66</v>
      </c>
      <c r="B27" s="6" t="s">
        <v>1123</v>
      </c>
      <c r="C27" s="9">
        <v>30044875.41</v>
      </c>
      <c r="D27" s="9">
        <v>317295684.70999998</v>
      </c>
      <c r="E27" s="9">
        <v>337869290.33999997</v>
      </c>
      <c r="F27" s="9">
        <v>54920.46</v>
      </c>
      <c r="G27" s="9">
        <v>9416349.3200000003</v>
      </c>
      <c r="H27" s="9">
        <v>503414.05</v>
      </c>
      <c r="I27" s="9">
        <v>91257.22</v>
      </c>
      <c r="J27" s="9">
        <v>519331.62</v>
      </c>
      <c r="K27" s="9">
        <v>16825.2</v>
      </c>
      <c r="L27" s="9">
        <v>2819.59</v>
      </c>
      <c r="M27" s="9">
        <v>575026.48</v>
      </c>
      <c r="N27" s="9">
        <v>9991375.8000000007</v>
      </c>
    </row>
    <row r="28" spans="1:14" x14ac:dyDescent="0.25">
      <c r="A28" s="5" t="s">
        <v>70</v>
      </c>
      <c r="B28" s="7" t="s">
        <v>1124</v>
      </c>
      <c r="C28" s="8">
        <v>0</v>
      </c>
      <c r="D28" s="8">
        <v>3039388.98</v>
      </c>
      <c r="E28" s="8">
        <v>3039388.98</v>
      </c>
      <c r="F28" s="8">
        <v>0</v>
      </c>
      <c r="G28" s="8">
        <v>0</v>
      </c>
      <c r="H28" s="8">
        <v>0</v>
      </c>
      <c r="I28" s="8">
        <v>0</v>
      </c>
      <c r="J28" s="8">
        <v>0</v>
      </c>
      <c r="K28" s="8">
        <v>0</v>
      </c>
      <c r="L28" s="8">
        <v>0</v>
      </c>
      <c r="M28" s="8">
        <v>0</v>
      </c>
      <c r="N28" s="8">
        <v>0</v>
      </c>
    </row>
    <row r="29" spans="1:14" x14ac:dyDescent="0.25">
      <c r="A29" s="4" t="s">
        <v>72</v>
      </c>
      <c r="B29" s="6" t="s">
        <v>1111</v>
      </c>
      <c r="C29" s="9">
        <v>0</v>
      </c>
      <c r="D29" s="9">
        <v>3037607.58</v>
      </c>
      <c r="E29" s="9">
        <v>3037607.58</v>
      </c>
      <c r="F29" s="9">
        <v>0</v>
      </c>
      <c r="G29" s="9">
        <v>0</v>
      </c>
      <c r="H29" s="9">
        <v>0</v>
      </c>
      <c r="I29" s="9">
        <v>0</v>
      </c>
      <c r="J29" s="9">
        <v>0</v>
      </c>
      <c r="K29" s="9">
        <v>0</v>
      </c>
      <c r="L29" s="9">
        <v>0</v>
      </c>
      <c r="M29" s="9">
        <v>0</v>
      </c>
      <c r="N29" s="9">
        <v>0</v>
      </c>
    </row>
    <row r="30" spans="1:14" x14ac:dyDescent="0.25">
      <c r="A30" s="4" t="s">
        <v>76</v>
      </c>
      <c r="B30" s="6" t="s">
        <v>1112</v>
      </c>
      <c r="C30" s="9">
        <v>0</v>
      </c>
      <c r="D30" s="9">
        <v>1781.4</v>
      </c>
      <c r="E30" s="9">
        <v>1781.4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  <c r="N30" s="9">
        <v>0</v>
      </c>
    </row>
    <row r="31" spans="1:14" x14ac:dyDescent="0.25">
      <c r="A31" s="4" t="s">
        <v>78</v>
      </c>
      <c r="B31" s="6" t="s">
        <v>1113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  <c r="N31" s="9">
        <v>0</v>
      </c>
    </row>
    <row r="32" spans="1:14" x14ac:dyDescent="0.25">
      <c r="A32" s="5" t="s">
        <v>80</v>
      </c>
      <c r="B32" s="7" t="s">
        <v>1125</v>
      </c>
      <c r="C32" s="8">
        <v>0</v>
      </c>
      <c r="D32" s="8">
        <v>8681657.1099999994</v>
      </c>
      <c r="E32" s="8">
        <v>8681657.1099999994</v>
      </c>
      <c r="F32" s="8">
        <v>0</v>
      </c>
      <c r="G32" s="8">
        <v>0</v>
      </c>
      <c r="H32" s="8">
        <v>0</v>
      </c>
      <c r="I32" s="8">
        <v>0</v>
      </c>
      <c r="J32" s="8">
        <v>0</v>
      </c>
      <c r="K32" s="8">
        <v>0</v>
      </c>
      <c r="L32" s="8">
        <v>0</v>
      </c>
      <c r="M32" s="8">
        <v>0</v>
      </c>
      <c r="N32" s="8">
        <v>0</v>
      </c>
    </row>
    <row r="33" spans="1:14" x14ac:dyDescent="0.25">
      <c r="A33" s="4" t="s">
        <v>82</v>
      </c>
      <c r="B33" s="6" t="s">
        <v>1115</v>
      </c>
      <c r="C33" s="9">
        <v>0</v>
      </c>
      <c r="D33" s="9">
        <v>8681657.1099999994</v>
      </c>
      <c r="E33" s="9">
        <v>8681657.1099999994</v>
      </c>
      <c r="F33" s="9">
        <v>0</v>
      </c>
      <c r="G33" s="9">
        <v>0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  <c r="N33" s="9">
        <v>0</v>
      </c>
    </row>
    <row r="34" spans="1:14" x14ac:dyDescent="0.25">
      <c r="A34" s="4" t="s">
        <v>86</v>
      </c>
      <c r="B34" s="6" t="s">
        <v>1116</v>
      </c>
      <c r="C34" s="9">
        <v>0</v>
      </c>
      <c r="D34" s="9">
        <v>0</v>
      </c>
      <c r="E34" s="9">
        <v>0</v>
      </c>
      <c r="F34" s="9">
        <v>0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  <c r="N34" s="9">
        <v>0</v>
      </c>
    </row>
    <row r="35" spans="1:14" x14ac:dyDescent="0.25">
      <c r="A35" s="5" t="s">
        <v>90</v>
      </c>
      <c r="B35" s="7" t="s">
        <v>1117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  <c r="K35" s="8">
        <v>0</v>
      </c>
      <c r="L35" s="8">
        <v>0</v>
      </c>
      <c r="M35" s="8">
        <v>0</v>
      </c>
      <c r="N35" s="8">
        <v>0</v>
      </c>
    </row>
    <row r="36" spans="1:14" x14ac:dyDescent="0.25">
      <c r="A36" s="4" t="s">
        <v>94</v>
      </c>
      <c r="B36" s="6" t="s">
        <v>1118</v>
      </c>
      <c r="C36" s="9">
        <v>0</v>
      </c>
      <c r="D36" s="9">
        <v>0</v>
      </c>
      <c r="E36" s="9">
        <v>0</v>
      </c>
      <c r="F36" s="9">
        <v>0</v>
      </c>
      <c r="G36" s="9">
        <v>0</v>
      </c>
      <c r="H36" s="9">
        <v>0</v>
      </c>
      <c r="I36" s="9">
        <v>0</v>
      </c>
      <c r="J36" s="9">
        <v>0</v>
      </c>
      <c r="K36" s="9">
        <v>0</v>
      </c>
      <c r="L36" s="9">
        <v>0</v>
      </c>
      <c r="M36" s="9">
        <v>0</v>
      </c>
      <c r="N36" s="9">
        <v>0</v>
      </c>
    </row>
    <row r="37" spans="1:14" x14ac:dyDescent="0.25">
      <c r="A37" s="4" t="s">
        <v>98</v>
      </c>
      <c r="B37" s="6" t="s">
        <v>1119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  <c r="J37" s="9">
        <v>0</v>
      </c>
      <c r="K37" s="9">
        <v>0</v>
      </c>
      <c r="L37" s="9">
        <v>0</v>
      </c>
      <c r="M37" s="9">
        <v>0</v>
      </c>
      <c r="N37" s="9">
        <v>0</v>
      </c>
    </row>
    <row r="38" spans="1:14" x14ac:dyDescent="0.25">
      <c r="A38" s="4" t="s">
        <v>100</v>
      </c>
      <c r="B38" s="6" t="s">
        <v>1120</v>
      </c>
      <c r="C38" s="9">
        <v>0</v>
      </c>
      <c r="D38" s="9">
        <v>0</v>
      </c>
      <c r="E38" s="9">
        <v>0</v>
      </c>
      <c r="F38" s="9">
        <v>0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  <c r="M38" s="9">
        <v>0</v>
      </c>
      <c r="N38" s="9">
        <v>0</v>
      </c>
    </row>
    <row r="39" spans="1:14" x14ac:dyDescent="0.25">
      <c r="A39" s="4" t="s">
        <v>104</v>
      </c>
      <c r="B39" s="6" t="s">
        <v>1121</v>
      </c>
      <c r="C39" s="9">
        <v>0</v>
      </c>
      <c r="D39" s="9">
        <v>1147954.6200000001</v>
      </c>
      <c r="E39" s="9">
        <v>1147954.6200000001</v>
      </c>
      <c r="F39" s="9">
        <v>0</v>
      </c>
      <c r="G39" s="9">
        <v>0</v>
      </c>
      <c r="H39" s="9">
        <v>0</v>
      </c>
      <c r="I39" s="9">
        <v>0</v>
      </c>
      <c r="J39" s="9">
        <v>0</v>
      </c>
      <c r="K39" s="9">
        <v>0</v>
      </c>
      <c r="L39" s="9">
        <v>0</v>
      </c>
      <c r="M39" s="9">
        <v>0</v>
      </c>
      <c r="N39" s="9">
        <v>0</v>
      </c>
    </row>
    <row r="40" spans="1:14" x14ac:dyDescent="0.25">
      <c r="A40" s="5" t="s">
        <v>108</v>
      </c>
      <c r="B40" s="7" t="s">
        <v>1126</v>
      </c>
      <c r="C40" s="8">
        <v>58031113.850000001</v>
      </c>
      <c r="D40" s="8">
        <v>736671831.50999999</v>
      </c>
      <c r="E40" s="8">
        <v>704554457.07000005</v>
      </c>
      <c r="F40" s="8">
        <v>8324296.0199999996</v>
      </c>
      <c r="G40" s="8">
        <v>81824192.269999996</v>
      </c>
      <c r="H40" s="8">
        <v>11884585.539999999</v>
      </c>
      <c r="I40" s="8">
        <v>1014335537.23</v>
      </c>
      <c r="J40" s="8">
        <v>494822845.41000003</v>
      </c>
      <c r="K40" s="8">
        <v>478545197.66000003</v>
      </c>
      <c r="L40" s="8">
        <v>493917690</v>
      </c>
      <c r="M40" s="8">
        <v>53757235.109999999</v>
      </c>
      <c r="N40" s="8">
        <v>135581427.38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54"/>
  <sheetViews>
    <sheetView showGridLines="0" topLeftCell="A109" workbookViewId="0">
      <selection activeCell="B115" sqref="B115:B116"/>
    </sheetView>
  </sheetViews>
  <sheetFormatPr defaultRowHeight="15" x14ac:dyDescent="0.25"/>
  <cols>
    <col min="1" max="1" width="2.7109375" bestFit="1" customWidth="1"/>
    <col min="2" max="2" width="75.7109375" customWidth="1"/>
    <col min="3" max="3" width="19" bestFit="1" customWidth="1"/>
    <col min="4" max="5" width="20.140625" bestFit="1" customWidth="1"/>
    <col min="6" max="6" width="15.5703125" bestFit="1" customWidth="1"/>
    <col min="7" max="7" width="19" bestFit="1" customWidth="1"/>
    <col min="8" max="8" width="15.85546875" bestFit="1" customWidth="1"/>
    <col min="9" max="9" width="16" bestFit="1" customWidth="1"/>
  </cols>
  <sheetData>
    <row r="3" spans="1:9" x14ac:dyDescent="0.25">
      <c r="A3" s="10" t="s">
        <v>0</v>
      </c>
      <c r="B3" s="11"/>
      <c r="C3" s="11"/>
      <c r="D3" s="11"/>
      <c r="E3" s="11"/>
      <c r="F3" s="11"/>
      <c r="G3" s="11"/>
      <c r="H3" s="11"/>
      <c r="I3" s="11"/>
    </row>
    <row r="4" spans="1:9" x14ac:dyDescent="0.25">
      <c r="A4" s="10" t="s">
        <v>1</v>
      </c>
      <c r="B4" s="11"/>
      <c r="C4" s="11"/>
      <c r="D4" s="11"/>
      <c r="E4" s="11"/>
      <c r="F4" s="11"/>
      <c r="G4" s="11"/>
      <c r="H4" s="11"/>
      <c r="I4" s="11"/>
    </row>
    <row r="5" spans="1:9" x14ac:dyDescent="0.25">
      <c r="A5" s="12" t="s">
        <v>1127</v>
      </c>
      <c r="B5" s="11"/>
      <c r="C5" s="11"/>
      <c r="D5" s="11"/>
      <c r="E5" s="11"/>
      <c r="F5" s="11"/>
      <c r="G5" s="11"/>
      <c r="H5" s="11"/>
      <c r="I5" s="11"/>
    </row>
    <row r="6" spans="1:9" x14ac:dyDescent="0.25">
      <c r="A6" s="10" t="s">
        <v>3</v>
      </c>
      <c r="B6" s="11"/>
      <c r="C6" s="11"/>
      <c r="D6" s="11"/>
      <c r="E6" s="11"/>
      <c r="F6" s="11"/>
      <c r="G6" s="11"/>
      <c r="H6" s="11"/>
      <c r="I6" s="11"/>
    </row>
    <row r="7" spans="1:9" x14ac:dyDescent="0.25">
      <c r="A7" s="10" t="s">
        <v>4</v>
      </c>
      <c r="B7" s="11"/>
      <c r="C7" s="11"/>
      <c r="D7" s="11"/>
      <c r="E7" s="11"/>
      <c r="F7" s="11"/>
      <c r="G7" s="11"/>
      <c r="H7" s="11"/>
      <c r="I7" s="11"/>
    </row>
    <row r="9" spans="1:9" x14ac:dyDescent="0.25">
      <c r="A9" s="13" t="s">
        <v>1128</v>
      </c>
      <c r="B9" s="11"/>
      <c r="C9" s="11"/>
      <c r="D9" s="11"/>
      <c r="E9" s="11"/>
      <c r="F9" s="11"/>
      <c r="G9" s="11"/>
      <c r="H9" s="11"/>
      <c r="I9" s="11"/>
    </row>
    <row r="10" spans="1:9" x14ac:dyDescent="0.25">
      <c r="A10" s="14" t="s">
        <v>6</v>
      </c>
      <c r="B10" s="14" t="s">
        <v>1129</v>
      </c>
      <c r="C10" s="14" t="s">
        <v>9</v>
      </c>
      <c r="D10" s="14" t="s">
        <v>10</v>
      </c>
      <c r="E10" s="14" t="s">
        <v>11</v>
      </c>
      <c r="F10" s="14" t="s">
        <v>11</v>
      </c>
    </row>
    <row r="11" spans="1:9" ht="21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" t="s">
        <v>465</v>
      </c>
      <c r="F11" s="1" t="s">
        <v>1130</v>
      </c>
    </row>
    <row r="12" spans="1:9" x14ac:dyDescent="0.25">
      <c r="A12" s="5" t="s">
        <v>17</v>
      </c>
      <c r="B12" s="7" t="s">
        <v>1131</v>
      </c>
      <c r="C12" s="8">
        <v>9770909600</v>
      </c>
      <c r="D12" s="8">
        <v>10005855027</v>
      </c>
      <c r="E12" s="8">
        <v>10283635078.040001</v>
      </c>
      <c r="F12" s="8" t="s">
        <v>1132</v>
      </c>
    </row>
    <row r="13" spans="1:9" x14ac:dyDescent="0.25">
      <c r="A13" s="5" t="s">
        <v>21</v>
      </c>
      <c r="B13" s="7" t="s">
        <v>1133</v>
      </c>
      <c r="C13" s="8">
        <v>8177662900</v>
      </c>
      <c r="D13" s="8">
        <v>8409108327</v>
      </c>
      <c r="E13" s="8">
        <v>8568715486.9899998</v>
      </c>
      <c r="F13" s="8" t="s">
        <v>196</v>
      </c>
    </row>
    <row r="14" spans="1:9" x14ac:dyDescent="0.25">
      <c r="A14" s="4" t="s">
        <v>25</v>
      </c>
      <c r="B14" s="6" t="s">
        <v>1134</v>
      </c>
      <c r="C14" s="9">
        <v>8042640700</v>
      </c>
      <c r="D14" s="9">
        <v>8268586127</v>
      </c>
      <c r="E14" s="9">
        <v>8437443000.6199999</v>
      </c>
      <c r="F14" s="9" t="s">
        <v>1135</v>
      </c>
    </row>
    <row r="15" spans="1:9" x14ac:dyDescent="0.25">
      <c r="A15" s="4" t="s">
        <v>29</v>
      </c>
      <c r="B15" s="6" t="s">
        <v>1136</v>
      </c>
      <c r="C15" s="9">
        <v>54925300</v>
      </c>
      <c r="D15" s="9">
        <v>60425300</v>
      </c>
      <c r="E15" s="9">
        <v>56356300.479999997</v>
      </c>
      <c r="F15" s="9" t="s">
        <v>1137</v>
      </c>
    </row>
    <row r="16" spans="1:9" x14ac:dyDescent="0.25">
      <c r="A16" s="4" t="s">
        <v>33</v>
      </c>
      <c r="B16" s="6" t="s">
        <v>1138</v>
      </c>
      <c r="C16" s="9">
        <v>80096900</v>
      </c>
      <c r="D16" s="9">
        <v>80096900</v>
      </c>
      <c r="E16" s="9">
        <v>74916185.890000001</v>
      </c>
      <c r="F16" s="9" t="s">
        <v>1139</v>
      </c>
    </row>
    <row r="17" spans="1:6" x14ac:dyDescent="0.25">
      <c r="A17" s="5" t="s">
        <v>37</v>
      </c>
      <c r="B17" s="7" t="s">
        <v>1140</v>
      </c>
      <c r="C17" s="8">
        <v>119128500</v>
      </c>
      <c r="D17" s="8">
        <v>119628500</v>
      </c>
      <c r="E17" s="8">
        <v>162246084.52000001</v>
      </c>
      <c r="F17" s="8" t="s">
        <v>1141</v>
      </c>
    </row>
    <row r="18" spans="1:6" x14ac:dyDescent="0.25">
      <c r="A18" s="4" t="s">
        <v>40</v>
      </c>
      <c r="B18" s="6" t="s">
        <v>1142</v>
      </c>
      <c r="C18" s="9">
        <v>118137000</v>
      </c>
      <c r="D18" s="9">
        <v>118137000</v>
      </c>
      <c r="E18" s="9">
        <v>161664897.30000001</v>
      </c>
      <c r="F18" s="9" t="s">
        <v>1143</v>
      </c>
    </row>
    <row r="19" spans="1:6" x14ac:dyDescent="0.25">
      <c r="A19" s="4" t="s">
        <v>44</v>
      </c>
      <c r="B19" s="6" t="s">
        <v>1144</v>
      </c>
      <c r="C19" s="9">
        <v>991500</v>
      </c>
      <c r="D19" s="9">
        <v>1491500</v>
      </c>
      <c r="E19" s="9">
        <v>581187.22</v>
      </c>
      <c r="F19" s="9" t="s">
        <v>1145</v>
      </c>
    </row>
    <row r="20" spans="1:6" x14ac:dyDescent="0.25">
      <c r="A20" s="5" t="s">
        <v>46</v>
      </c>
      <c r="B20" s="7" t="s">
        <v>1146</v>
      </c>
      <c r="C20" s="8">
        <v>628324400</v>
      </c>
      <c r="D20" s="8">
        <v>631324400</v>
      </c>
      <c r="E20" s="8">
        <v>650627532.77999997</v>
      </c>
      <c r="F20" s="8" t="s">
        <v>1147</v>
      </c>
    </row>
    <row r="21" spans="1:6" x14ac:dyDescent="0.25">
      <c r="A21" s="4" t="s">
        <v>48</v>
      </c>
      <c r="B21" s="6" t="s">
        <v>1148</v>
      </c>
      <c r="C21" s="9">
        <v>599125100</v>
      </c>
      <c r="D21" s="9">
        <v>599125100</v>
      </c>
      <c r="E21" s="9">
        <v>608483978.94000006</v>
      </c>
      <c r="F21" s="9" t="s">
        <v>1149</v>
      </c>
    </row>
    <row r="22" spans="1:6" x14ac:dyDescent="0.25">
      <c r="A22" s="4" t="s">
        <v>50</v>
      </c>
      <c r="B22" s="6" t="s">
        <v>1150</v>
      </c>
      <c r="C22" s="9">
        <v>29199300</v>
      </c>
      <c r="D22" s="9">
        <v>32199300</v>
      </c>
      <c r="E22" s="9">
        <v>42143553.840000004</v>
      </c>
      <c r="F22" s="9" t="s">
        <v>1151</v>
      </c>
    </row>
    <row r="23" spans="1:6" x14ac:dyDescent="0.25">
      <c r="A23" s="4" t="s">
        <v>52</v>
      </c>
      <c r="B23" s="6" t="s">
        <v>1152</v>
      </c>
      <c r="C23" s="9">
        <v>845793800</v>
      </c>
      <c r="D23" s="9">
        <v>845793800</v>
      </c>
      <c r="E23" s="9">
        <v>902045973.75</v>
      </c>
      <c r="F23" s="9" t="s">
        <v>1153</v>
      </c>
    </row>
    <row r="24" spans="1:6" x14ac:dyDescent="0.25">
      <c r="A24" s="5" t="s">
        <v>56</v>
      </c>
      <c r="B24" s="7" t="s">
        <v>1154</v>
      </c>
      <c r="C24" s="8">
        <v>1472087700</v>
      </c>
      <c r="D24" s="8">
        <v>1472087700</v>
      </c>
      <c r="E24" s="8">
        <v>1322775889.3399999</v>
      </c>
      <c r="F24" s="8" t="s">
        <v>1155</v>
      </c>
    </row>
    <row r="25" spans="1:6" x14ac:dyDescent="0.25">
      <c r="A25" s="4" t="s">
        <v>60</v>
      </c>
      <c r="B25" s="6" t="s">
        <v>1156</v>
      </c>
      <c r="C25" s="9">
        <v>1357944600</v>
      </c>
      <c r="D25" s="9">
        <v>1357944600</v>
      </c>
      <c r="E25" s="9">
        <v>1203598187.1800001</v>
      </c>
      <c r="F25" s="9" t="s">
        <v>1157</v>
      </c>
    </row>
    <row r="26" spans="1:6" x14ac:dyDescent="0.25">
      <c r="A26" s="4" t="s">
        <v>64</v>
      </c>
      <c r="B26" s="6" t="s">
        <v>1158</v>
      </c>
      <c r="C26" s="9">
        <v>20281300</v>
      </c>
      <c r="D26" s="9">
        <v>20281300</v>
      </c>
      <c r="E26" s="9">
        <v>17686361.280000001</v>
      </c>
      <c r="F26" s="9" t="s">
        <v>1159</v>
      </c>
    </row>
    <row r="27" spans="1:6" x14ac:dyDescent="0.25">
      <c r="A27" s="4" t="s">
        <v>66</v>
      </c>
      <c r="B27" s="6" t="s">
        <v>1160</v>
      </c>
      <c r="C27" s="9">
        <v>93861800</v>
      </c>
      <c r="D27" s="9">
        <v>93861800</v>
      </c>
      <c r="E27" s="9">
        <v>101491340.88</v>
      </c>
      <c r="F27" s="9" t="s">
        <v>1161</v>
      </c>
    </row>
    <row r="28" spans="1:6" x14ac:dyDescent="0.25">
      <c r="A28" s="4" t="s">
        <v>70</v>
      </c>
      <c r="B28" s="6" t="s">
        <v>1162</v>
      </c>
      <c r="C28" s="9">
        <v>0</v>
      </c>
      <c r="D28" s="9">
        <v>0</v>
      </c>
      <c r="E28" s="9">
        <v>0</v>
      </c>
      <c r="F28" s="9" t="s">
        <v>39</v>
      </c>
    </row>
    <row r="29" spans="1:6" x14ac:dyDescent="0.25">
      <c r="A29" s="5" t="s">
        <v>72</v>
      </c>
      <c r="B29" s="7" t="s">
        <v>1163</v>
      </c>
      <c r="C29" s="8">
        <v>2362019150</v>
      </c>
      <c r="D29" s="8">
        <v>2421380506.75</v>
      </c>
      <c r="E29" s="8">
        <v>2474136426.8899999</v>
      </c>
      <c r="F29" s="8" t="s">
        <v>1164</v>
      </c>
    </row>
    <row r="30" spans="1:6" x14ac:dyDescent="0.25">
      <c r="A30" s="4" t="s">
        <v>76</v>
      </c>
      <c r="B30" s="6" t="s">
        <v>1165</v>
      </c>
      <c r="C30" s="9">
        <v>2024391500</v>
      </c>
      <c r="D30" s="9">
        <v>2082252856.75</v>
      </c>
      <c r="E30" s="9">
        <v>2123449825.28</v>
      </c>
      <c r="F30" s="9" t="s">
        <v>1166</v>
      </c>
    </row>
    <row r="31" spans="1:6" x14ac:dyDescent="0.25">
      <c r="A31" s="4" t="s">
        <v>78</v>
      </c>
      <c r="B31" s="6" t="s">
        <v>1167</v>
      </c>
      <c r="C31" s="9">
        <v>314162200</v>
      </c>
      <c r="D31" s="9">
        <v>315662200</v>
      </c>
      <c r="E31" s="9">
        <v>325313766.38999999</v>
      </c>
      <c r="F31" s="9" t="s">
        <v>1147</v>
      </c>
    </row>
    <row r="32" spans="1:6" x14ac:dyDescent="0.25">
      <c r="A32" s="4" t="s">
        <v>80</v>
      </c>
      <c r="B32" s="6" t="s">
        <v>1168</v>
      </c>
      <c r="C32" s="9">
        <v>23465450</v>
      </c>
      <c r="D32" s="9">
        <v>23465450</v>
      </c>
      <c r="E32" s="9">
        <v>25372835.219999999</v>
      </c>
      <c r="F32" s="9" t="s">
        <v>1161</v>
      </c>
    </row>
    <row r="33" spans="1:6" x14ac:dyDescent="0.25">
      <c r="A33" s="5" t="s">
        <v>82</v>
      </c>
      <c r="B33" s="7" t="s">
        <v>1169</v>
      </c>
      <c r="C33" s="8">
        <v>8880978150</v>
      </c>
      <c r="D33" s="8">
        <v>9056562220.25</v>
      </c>
      <c r="E33" s="8">
        <v>9132274540.4899998</v>
      </c>
      <c r="F33" s="8" t="s">
        <v>1170</v>
      </c>
    </row>
    <row r="35" spans="1:6" x14ac:dyDescent="0.25">
      <c r="A35" s="14" t="s">
        <v>6</v>
      </c>
      <c r="B35" s="14" t="s">
        <v>1171</v>
      </c>
      <c r="C35" s="14" t="s">
        <v>9</v>
      </c>
      <c r="D35" s="14" t="s">
        <v>10</v>
      </c>
      <c r="E35" s="14" t="s">
        <v>11</v>
      </c>
      <c r="F35" s="14" t="s">
        <v>11</v>
      </c>
    </row>
    <row r="36" spans="1:6" ht="21" x14ac:dyDescent="0.25">
      <c r="A36" s="14" t="s">
        <v>7</v>
      </c>
      <c r="B36" s="14" t="s">
        <v>7</v>
      </c>
      <c r="C36" s="14" t="s">
        <v>7</v>
      </c>
      <c r="D36" s="14" t="s">
        <v>7</v>
      </c>
      <c r="E36" s="1" t="s">
        <v>465</v>
      </c>
      <c r="F36" s="1" t="s">
        <v>1130</v>
      </c>
    </row>
    <row r="37" spans="1:6" x14ac:dyDescent="0.25">
      <c r="A37" s="4" t="s">
        <v>86</v>
      </c>
      <c r="B37" s="6" t="s">
        <v>1172</v>
      </c>
      <c r="C37" s="9">
        <v>0</v>
      </c>
      <c r="D37" s="9">
        <v>0</v>
      </c>
      <c r="E37" s="9">
        <v>0</v>
      </c>
      <c r="F37" s="9" t="s">
        <v>39</v>
      </c>
    </row>
    <row r="38" spans="1:6" x14ac:dyDescent="0.25">
      <c r="A38" s="5" t="s">
        <v>90</v>
      </c>
      <c r="B38" s="7" t="s">
        <v>1173</v>
      </c>
      <c r="C38" s="8">
        <v>100354300</v>
      </c>
      <c r="D38" s="8">
        <v>110154300</v>
      </c>
      <c r="E38" s="8">
        <v>81784334.310000002</v>
      </c>
      <c r="F38" s="8" t="s">
        <v>1174</v>
      </c>
    </row>
    <row r="39" spans="1:6" x14ac:dyDescent="0.25">
      <c r="A39" s="4" t="s">
        <v>94</v>
      </c>
      <c r="B39" s="6" t="s">
        <v>1175</v>
      </c>
      <c r="C39" s="9">
        <v>55119500</v>
      </c>
      <c r="D39" s="9">
        <v>58619500</v>
      </c>
      <c r="E39" s="9">
        <v>59823837</v>
      </c>
      <c r="F39" s="9" t="s">
        <v>1176</v>
      </c>
    </row>
    <row r="40" spans="1:6" x14ac:dyDescent="0.25">
      <c r="A40" s="4" t="s">
        <v>98</v>
      </c>
      <c r="B40" s="6" t="s">
        <v>1177</v>
      </c>
      <c r="C40" s="9">
        <v>1000</v>
      </c>
      <c r="D40" s="9">
        <v>1000</v>
      </c>
      <c r="E40" s="9">
        <v>160</v>
      </c>
      <c r="F40" s="9" t="s">
        <v>1178</v>
      </c>
    </row>
    <row r="41" spans="1:6" x14ac:dyDescent="0.25">
      <c r="A41" s="4" t="s">
        <v>100</v>
      </c>
      <c r="B41" s="6" t="s">
        <v>1179</v>
      </c>
      <c r="C41" s="9">
        <v>15000000</v>
      </c>
      <c r="D41" s="9">
        <v>15000000</v>
      </c>
      <c r="E41" s="9">
        <v>20662736</v>
      </c>
      <c r="F41" s="9" t="s">
        <v>1180</v>
      </c>
    </row>
    <row r="42" spans="1:6" x14ac:dyDescent="0.25">
      <c r="A42" s="4" t="s">
        <v>104</v>
      </c>
      <c r="B42" s="6" t="s">
        <v>1181</v>
      </c>
      <c r="C42" s="9">
        <v>20000</v>
      </c>
      <c r="D42" s="9">
        <v>20000</v>
      </c>
      <c r="E42" s="9">
        <v>0</v>
      </c>
      <c r="F42" s="9" t="s">
        <v>39</v>
      </c>
    </row>
    <row r="43" spans="1:6" x14ac:dyDescent="0.25">
      <c r="A43" s="4" t="s">
        <v>108</v>
      </c>
      <c r="B43" s="6" t="s">
        <v>1182</v>
      </c>
      <c r="C43" s="9">
        <v>28565000</v>
      </c>
      <c r="D43" s="9">
        <v>34065000</v>
      </c>
      <c r="E43" s="9">
        <v>0</v>
      </c>
      <c r="F43" s="9" t="s">
        <v>39</v>
      </c>
    </row>
    <row r="44" spans="1:6" x14ac:dyDescent="0.25">
      <c r="A44" s="4" t="s">
        <v>112</v>
      </c>
      <c r="B44" s="6" t="s">
        <v>1183</v>
      </c>
      <c r="C44" s="9">
        <v>1648800</v>
      </c>
      <c r="D44" s="9">
        <v>2448800</v>
      </c>
      <c r="E44" s="9">
        <v>1297601.31</v>
      </c>
      <c r="F44" s="9" t="s">
        <v>1184</v>
      </c>
    </row>
    <row r="45" spans="1:6" x14ac:dyDescent="0.25">
      <c r="A45" s="5" t="s">
        <v>114</v>
      </c>
      <c r="B45" s="7" t="s">
        <v>1185</v>
      </c>
      <c r="C45" s="8">
        <v>33214000</v>
      </c>
      <c r="D45" s="8">
        <v>33214000</v>
      </c>
      <c r="E45" s="8">
        <v>32593122.960000001</v>
      </c>
      <c r="F45" s="8" t="s">
        <v>1186</v>
      </c>
    </row>
    <row r="46" spans="1:6" x14ac:dyDescent="0.25">
      <c r="A46" s="4" t="s">
        <v>118</v>
      </c>
      <c r="B46" s="6" t="s">
        <v>1187</v>
      </c>
      <c r="C46" s="9">
        <v>33214000</v>
      </c>
      <c r="D46" s="9">
        <v>33214000</v>
      </c>
      <c r="E46" s="9">
        <v>32593122.960000001</v>
      </c>
      <c r="F46" s="9" t="s">
        <v>1186</v>
      </c>
    </row>
    <row r="47" spans="1:6" x14ac:dyDescent="0.25">
      <c r="A47" s="4" t="s">
        <v>122</v>
      </c>
      <c r="B47" s="6" t="s">
        <v>1188</v>
      </c>
      <c r="C47" s="9">
        <v>0</v>
      </c>
      <c r="D47" s="9">
        <v>0</v>
      </c>
      <c r="E47" s="9">
        <v>0</v>
      </c>
      <c r="F47" s="9" t="s">
        <v>39</v>
      </c>
    </row>
    <row r="48" spans="1:6" x14ac:dyDescent="0.25">
      <c r="A48" s="4" t="s">
        <v>126</v>
      </c>
      <c r="B48" s="6" t="s">
        <v>1189</v>
      </c>
      <c r="C48" s="9">
        <v>0</v>
      </c>
      <c r="D48" s="9">
        <v>0</v>
      </c>
      <c r="E48" s="9">
        <v>0</v>
      </c>
      <c r="F48" s="9" t="s">
        <v>39</v>
      </c>
    </row>
    <row r="49" spans="1:6" x14ac:dyDescent="0.25">
      <c r="A49" s="4" t="s">
        <v>129</v>
      </c>
      <c r="B49" s="6" t="s">
        <v>1190</v>
      </c>
      <c r="C49" s="9">
        <v>0</v>
      </c>
      <c r="D49" s="9">
        <v>0</v>
      </c>
      <c r="E49" s="9">
        <v>0</v>
      </c>
      <c r="F49" s="9" t="s">
        <v>39</v>
      </c>
    </row>
    <row r="50" spans="1:6" x14ac:dyDescent="0.25">
      <c r="A50" s="5" t="s">
        <v>131</v>
      </c>
      <c r="B50" s="7" t="s">
        <v>1191</v>
      </c>
      <c r="C50" s="8">
        <v>133568300</v>
      </c>
      <c r="D50" s="8">
        <v>143368300</v>
      </c>
      <c r="E50" s="8">
        <v>114377457.27</v>
      </c>
      <c r="F50" s="8" t="s">
        <v>1192</v>
      </c>
    </row>
    <row r="52" spans="1:6" x14ac:dyDescent="0.25">
      <c r="A52" s="14" t="s">
        <v>6</v>
      </c>
      <c r="B52" s="14" t="s">
        <v>1193</v>
      </c>
      <c r="C52" s="14" t="s">
        <v>9</v>
      </c>
      <c r="D52" s="14" t="s">
        <v>10</v>
      </c>
      <c r="E52" s="14" t="s">
        <v>11</v>
      </c>
      <c r="F52" s="14" t="s">
        <v>11</v>
      </c>
    </row>
    <row r="53" spans="1:6" ht="21" x14ac:dyDescent="0.25">
      <c r="A53" s="14" t="s">
        <v>7</v>
      </c>
      <c r="B53" s="14" t="s">
        <v>7</v>
      </c>
      <c r="C53" s="14" t="s">
        <v>7</v>
      </c>
      <c r="D53" s="14" t="s">
        <v>7</v>
      </c>
      <c r="E53" s="1" t="s">
        <v>465</v>
      </c>
      <c r="F53" s="1" t="s">
        <v>1130</v>
      </c>
    </row>
    <row r="54" spans="1:6" x14ac:dyDescent="0.25">
      <c r="A54" s="5" t="s">
        <v>133</v>
      </c>
      <c r="B54" s="7" t="s">
        <v>1194</v>
      </c>
      <c r="C54" s="8">
        <v>1607036870</v>
      </c>
      <c r="D54" s="8">
        <v>1642153684.05</v>
      </c>
      <c r="E54" s="8">
        <v>1646045713.3499999</v>
      </c>
      <c r="F54" s="8" t="s">
        <v>1195</v>
      </c>
    </row>
    <row r="55" spans="1:6" x14ac:dyDescent="0.25">
      <c r="A55" s="4" t="s">
        <v>137</v>
      </c>
      <c r="B55" s="6" t="s">
        <v>1196</v>
      </c>
      <c r="C55" s="9">
        <v>1230654280</v>
      </c>
      <c r="D55" s="9">
        <v>1265371094.05</v>
      </c>
      <c r="E55" s="9">
        <v>1289053132.3399999</v>
      </c>
      <c r="F55" s="9" t="s">
        <v>1197</v>
      </c>
    </row>
    <row r="56" spans="1:6" x14ac:dyDescent="0.25">
      <c r="A56" s="4" t="s">
        <v>141</v>
      </c>
      <c r="B56" s="6" t="s">
        <v>1198</v>
      </c>
      <c r="C56" s="9">
        <v>23825700</v>
      </c>
      <c r="D56" s="9">
        <v>23925700</v>
      </c>
      <c r="E56" s="9">
        <v>32449216.899999999</v>
      </c>
      <c r="F56" s="9" t="s">
        <v>1141</v>
      </c>
    </row>
    <row r="57" spans="1:6" x14ac:dyDescent="0.25">
      <c r="A57" s="4" t="s">
        <v>145</v>
      </c>
      <c r="B57" s="6" t="s">
        <v>1199</v>
      </c>
      <c r="C57" s="9">
        <v>62832440</v>
      </c>
      <c r="D57" s="9">
        <v>63132440</v>
      </c>
      <c r="E57" s="9">
        <v>65062753.280000001</v>
      </c>
      <c r="F57" s="9" t="s">
        <v>1147</v>
      </c>
    </row>
    <row r="58" spans="1:6" x14ac:dyDescent="0.25">
      <c r="A58" s="4" t="s">
        <v>147</v>
      </c>
      <c r="B58" s="6" t="s">
        <v>1200</v>
      </c>
      <c r="C58" s="9">
        <v>271588920</v>
      </c>
      <c r="D58" s="9">
        <v>271588920</v>
      </c>
      <c r="E58" s="9">
        <v>240719637.44</v>
      </c>
      <c r="F58" s="9" t="s">
        <v>1157</v>
      </c>
    </row>
    <row r="59" spans="1:6" x14ac:dyDescent="0.25">
      <c r="A59" s="4" t="s">
        <v>151</v>
      </c>
      <c r="B59" s="6" t="s">
        <v>1201</v>
      </c>
      <c r="C59" s="9">
        <v>4056260</v>
      </c>
      <c r="D59" s="9">
        <v>4056260</v>
      </c>
      <c r="E59" s="9">
        <v>3537272.26</v>
      </c>
      <c r="F59" s="9" t="s">
        <v>1159</v>
      </c>
    </row>
    <row r="60" spans="1:6" x14ac:dyDescent="0.25">
      <c r="A60" s="4" t="s">
        <v>155</v>
      </c>
      <c r="B60" s="6" t="s">
        <v>1202</v>
      </c>
      <c r="C60" s="9">
        <v>14079270</v>
      </c>
      <c r="D60" s="9">
        <v>14079270</v>
      </c>
      <c r="E60" s="9">
        <v>15223701.130000001</v>
      </c>
      <c r="F60" s="9" t="s">
        <v>1161</v>
      </c>
    </row>
    <row r="61" spans="1:6" x14ac:dyDescent="0.25">
      <c r="A61" s="5" t="s">
        <v>158</v>
      </c>
      <c r="B61" s="7" t="s">
        <v>1203</v>
      </c>
      <c r="C61" s="8">
        <v>1030494000</v>
      </c>
      <c r="D61" s="8">
        <v>1065494000</v>
      </c>
      <c r="E61" s="8">
        <v>1047253476.83</v>
      </c>
      <c r="F61" s="8" t="s">
        <v>1204</v>
      </c>
    </row>
    <row r="62" spans="1:6" x14ac:dyDescent="0.25">
      <c r="A62" s="4" t="s">
        <v>161</v>
      </c>
      <c r="B62" s="6" t="s">
        <v>1205</v>
      </c>
      <c r="C62" s="9">
        <v>1027399300</v>
      </c>
      <c r="D62" s="9">
        <v>1062399300</v>
      </c>
      <c r="E62" s="9">
        <v>1037689821.02</v>
      </c>
      <c r="F62" s="9" t="s">
        <v>125</v>
      </c>
    </row>
    <row r="63" spans="1:6" x14ac:dyDescent="0.25">
      <c r="A63" s="4" t="s">
        <v>163</v>
      </c>
      <c r="B63" s="6" t="s">
        <v>1206</v>
      </c>
      <c r="C63" s="9">
        <v>0</v>
      </c>
      <c r="D63" s="9">
        <v>0</v>
      </c>
      <c r="E63" s="9">
        <v>0</v>
      </c>
      <c r="F63" s="9" t="s">
        <v>39</v>
      </c>
    </row>
    <row r="64" spans="1:6" x14ac:dyDescent="0.25">
      <c r="A64" s="4" t="s">
        <v>167</v>
      </c>
      <c r="B64" s="6" t="s">
        <v>1207</v>
      </c>
      <c r="C64" s="9">
        <v>3094700</v>
      </c>
      <c r="D64" s="9">
        <v>3094700</v>
      </c>
      <c r="E64" s="9">
        <v>9563655.8100000005</v>
      </c>
      <c r="F64" s="9" t="s">
        <v>1208</v>
      </c>
    </row>
    <row r="65" spans="1:9" x14ac:dyDescent="0.25">
      <c r="A65" s="4" t="s">
        <v>171</v>
      </c>
      <c r="B65" s="6" t="s">
        <v>1209</v>
      </c>
      <c r="C65" s="9">
        <v>-579637570</v>
      </c>
      <c r="D65" s="9">
        <v>-579754384.04999995</v>
      </c>
      <c r="E65" s="9">
        <v>-608355892.33000004</v>
      </c>
      <c r="F65" s="9" t="s">
        <v>1210</v>
      </c>
    </row>
    <row r="67" spans="1:9" x14ac:dyDescent="0.25">
      <c r="A67" s="14" t="s">
        <v>6</v>
      </c>
      <c r="B67" s="14" t="s">
        <v>1211</v>
      </c>
      <c r="C67" s="14" t="s">
        <v>463</v>
      </c>
      <c r="D67" s="14" t="s">
        <v>1212</v>
      </c>
      <c r="E67" s="14" t="s">
        <v>250</v>
      </c>
      <c r="F67" s="14" t="s">
        <v>7</v>
      </c>
      <c r="G67" s="14" t="s">
        <v>254</v>
      </c>
      <c r="H67" s="14" t="s">
        <v>7</v>
      </c>
      <c r="I67" s="14" t="s">
        <v>1217</v>
      </c>
    </row>
    <row r="68" spans="1:9" ht="21" x14ac:dyDescent="0.25">
      <c r="A68" s="14" t="s">
        <v>7</v>
      </c>
      <c r="B68" s="14" t="s">
        <v>7</v>
      </c>
      <c r="C68" s="14" t="s">
        <v>7</v>
      </c>
      <c r="D68" s="14" t="s">
        <v>7</v>
      </c>
      <c r="E68" s="1" t="s">
        <v>1213</v>
      </c>
      <c r="F68" s="1" t="s">
        <v>1214</v>
      </c>
      <c r="G68" s="1" t="s">
        <v>1215</v>
      </c>
      <c r="H68" s="1" t="s">
        <v>1216</v>
      </c>
      <c r="I68" s="14" t="s">
        <v>7</v>
      </c>
    </row>
    <row r="69" spans="1:9" x14ac:dyDescent="0.25">
      <c r="A69" s="5" t="s">
        <v>175</v>
      </c>
      <c r="B69" s="7" t="s">
        <v>1218</v>
      </c>
      <c r="C69" s="8">
        <v>1018494000</v>
      </c>
      <c r="D69" s="8">
        <v>1055403705.97</v>
      </c>
      <c r="E69" s="8">
        <v>1029820462.1799999</v>
      </c>
      <c r="F69" s="8" t="s">
        <v>1219</v>
      </c>
      <c r="G69" s="8">
        <v>1028853431.75</v>
      </c>
      <c r="H69" s="8" t="s">
        <v>1220</v>
      </c>
      <c r="I69" s="8">
        <v>967030.43</v>
      </c>
    </row>
    <row r="70" spans="1:9" x14ac:dyDescent="0.25">
      <c r="A70" s="4" t="s">
        <v>177</v>
      </c>
      <c r="B70" s="6" t="s">
        <v>1221</v>
      </c>
      <c r="C70" s="9">
        <v>611096400</v>
      </c>
      <c r="D70" s="9">
        <v>633242223.58000004</v>
      </c>
      <c r="E70" s="9">
        <v>617892277.30999994</v>
      </c>
      <c r="F70" s="9" t="s">
        <v>1219</v>
      </c>
      <c r="G70" s="9">
        <v>617312059.04999995</v>
      </c>
      <c r="H70" s="9" t="s">
        <v>1220</v>
      </c>
      <c r="I70" s="9">
        <v>580218.26</v>
      </c>
    </row>
    <row r="71" spans="1:9" x14ac:dyDescent="0.25">
      <c r="A71" s="4" t="s">
        <v>181</v>
      </c>
      <c r="B71" s="6" t="s">
        <v>1222</v>
      </c>
      <c r="C71" s="9">
        <v>407397600</v>
      </c>
      <c r="D71" s="9">
        <v>422161482.38999999</v>
      </c>
      <c r="E71" s="9">
        <v>411928184.87</v>
      </c>
      <c r="F71" s="9" t="s">
        <v>1219</v>
      </c>
      <c r="G71" s="9">
        <v>411541372.69999999</v>
      </c>
      <c r="H71" s="9" t="s">
        <v>1220</v>
      </c>
      <c r="I71" s="9">
        <v>386812.17</v>
      </c>
    </row>
    <row r="72" spans="1:9" x14ac:dyDescent="0.25">
      <c r="A72" s="5" t="s">
        <v>185</v>
      </c>
      <c r="B72" s="7" t="s">
        <v>1223</v>
      </c>
      <c r="C72" s="8">
        <v>12000000</v>
      </c>
      <c r="D72" s="8">
        <v>10090294.029999999</v>
      </c>
      <c r="E72" s="8">
        <v>10035478.439999999</v>
      </c>
      <c r="F72" s="8" t="s">
        <v>1224</v>
      </c>
      <c r="G72" s="8">
        <v>10023560.439999999</v>
      </c>
      <c r="H72" s="8" t="s">
        <v>1225</v>
      </c>
      <c r="I72" s="8">
        <v>11918</v>
      </c>
    </row>
    <row r="73" spans="1:9" x14ac:dyDescent="0.25">
      <c r="A73" s="4" t="s">
        <v>188</v>
      </c>
      <c r="B73" s="6" t="s">
        <v>1226</v>
      </c>
      <c r="C73" s="9">
        <v>12000000</v>
      </c>
      <c r="D73" s="9">
        <v>10090294.029999999</v>
      </c>
      <c r="E73" s="9">
        <v>10035478.439999999</v>
      </c>
      <c r="F73" s="9" t="s">
        <v>1224</v>
      </c>
      <c r="G73" s="9">
        <v>10023560.439999999</v>
      </c>
      <c r="H73" s="9" t="s">
        <v>1225</v>
      </c>
      <c r="I73" s="9">
        <v>11918</v>
      </c>
    </row>
    <row r="74" spans="1:9" x14ac:dyDescent="0.25">
      <c r="A74" s="4" t="s">
        <v>191</v>
      </c>
      <c r="B74" s="6" t="s">
        <v>1227</v>
      </c>
      <c r="C74" s="9">
        <v>0</v>
      </c>
      <c r="D74" s="9">
        <v>0</v>
      </c>
      <c r="E74" s="9">
        <v>0</v>
      </c>
      <c r="F74" s="9" t="s">
        <v>39</v>
      </c>
      <c r="G74" s="9">
        <v>0</v>
      </c>
      <c r="H74" s="9" t="s">
        <v>39</v>
      </c>
      <c r="I74" s="9">
        <v>0</v>
      </c>
    </row>
    <row r="75" spans="1:9" x14ac:dyDescent="0.25">
      <c r="A75" s="5" t="s">
        <v>194</v>
      </c>
      <c r="B75" s="7" t="s">
        <v>1228</v>
      </c>
      <c r="C75" s="8">
        <v>1030494000</v>
      </c>
      <c r="D75" s="8">
        <v>1065494000</v>
      </c>
      <c r="E75" s="8">
        <v>1039855940.62</v>
      </c>
      <c r="F75" s="8" t="s">
        <v>1229</v>
      </c>
      <c r="G75" s="8">
        <v>1038876992.1900001</v>
      </c>
      <c r="H75" s="8" t="s">
        <v>1230</v>
      </c>
      <c r="I75" s="8">
        <v>978948.43</v>
      </c>
    </row>
    <row r="77" spans="1:9" x14ac:dyDescent="0.25">
      <c r="A77" s="14" t="s">
        <v>6</v>
      </c>
      <c r="B77" s="14" t="s">
        <v>1231</v>
      </c>
      <c r="C77" s="14" t="s">
        <v>1046</v>
      </c>
    </row>
    <row r="78" spans="1:9" x14ac:dyDescent="0.25">
      <c r="A78" s="14" t="s">
        <v>7</v>
      </c>
      <c r="B78" s="14" t="s">
        <v>7</v>
      </c>
      <c r="C78" s="14" t="s">
        <v>7</v>
      </c>
    </row>
    <row r="79" spans="1:9" x14ac:dyDescent="0.25">
      <c r="A79" s="5" t="s">
        <v>197</v>
      </c>
      <c r="B79" s="7" t="s">
        <v>1232</v>
      </c>
      <c r="C79" s="3" t="s">
        <v>39</v>
      </c>
    </row>
    <row r="80" spans="1:9" x14ac:dyDescent="0.25">
      <c r="A80" s="4" t="s">
        <v>198</v>
      </c>
      <c r="B80" s="6" t="s">
        <v>1233</v>
      </c>
      <c r="C80" s="2" t="s">
        <v>39</v>
      </c>
    </row>
    <row r="81" spans="1:3" x14ac:dyDescent="0.25">
      <c r="A81" s="4" t="s">
        <v>199</v>
      </c>
      <c r="B81" s="6" t="s">
        <v>1234</v>
      </c>
      <c r="C81" s="2" t="s">
        <v>39</v>
      </c>
    </row>
    <row r="82" spans="1:3" x14ac:dyDescent="0.25">
      <c r="A82" s="5" t="s">
        <v>200</v>
      </c>
      <c r="B82" s="7" t="s">
        <v>1235</v>
      </c>
      <c r="C82" s="3" t="s">
        <v>39</v>
      </c>
    </row>
    <row r="83" spans="1:3" x14ac:dyDescent="0.25">
      <c r="A83" s="4" t="s">
        <v>201</v>
      </c>
      <c r="B83" s="6" t="s">
        <v>1236</v>
      </c>
      <c r="C83" s="2" t="s">
        <v>39</v>
      </c>
    </row>
    <row r="84" spans="1:3" x14ac:dyDescent="0.25">
      <c r="A84" s="4" t="s">
        <v>204</v>
      </c>
      <c r="B84" s="6" t="s">
        <v>1237</v>
      </c>
      <c r="C84" s="2" t="s">
        <v>39</v>
      </c>
    </row>
    <row r="85" spans="1:3" x14ac:dyDescent="0.25">
      <c r="A85" s="5" t="s">
        <v>206</v>
      </c>
      <c r="B85" s="7" t="s">
        <v>1238</v>
      </c>
      <c r="C85" s="3" t="s">
        <v>39</v>
      </c>
    </row>
    <row r="87" spans="1:3" x14ac:dyDescent="0.25">
      <c r="A87" s="14" t="s">
        <v>6</v>
      </c>
      <c r="B87" s="14" t="s">
        <v>1239</v>
      </c>
      <c r="C87" s="14" t="s">
        <v>1046</v>
      </c>
    </row>
    <row r="88" spans="1:3" x14ac:dyDescent="0.25">
      <c r="A88" s="14" t="s">
        <v>7</v>
      </c>
      <c r="B88" s="14" t="s">
        <v>7</v>
      </c>
      <c r="C88" s="14" t="s">
        <v>7</v>
      </c>
    </row>
    <row r="89" spans="1:3" x14ac:dyDescent="0.25">
      <c r="A89" s="4" t="s">
        <v>208</v>
      </c>
      <c r="B89" s="6" t="s">
        <v>1240</v>
      </c>
      <c r="C89" s="9">
        <v>1039855940.62</v>
      </c>
    </row>
    <row r="90" spans="1:3" x14ac:dyDescent="0.25">
      <c r="A90" s="4" t="s">
        <v>210</v>
      </c>
      <c r="B90" s="6" t="s">
        <v>1241</v>
      </c>
      <c r="C90" s="9">
        <v>98.24</v>
      </c>
    </row>
    <row r="91" spans="1:3" x14ac:dyDescent="0.25">
      <c r="A91" s="4" t="s">
        <v>212</v>
      </c>
      <c r="B91" s="6" t="s">
        <v>1242</v>
      </c>
      <c r="C91" s="9">
        <v>0.96</v>
      </c>
    </row>
    <row r="92" spans="1:3" x14ac:dyDescent="0.25">
      <c r="A92" s="4" t="s">
        <v>216</v>
      </c>
      <c r="B92" s="6" t="s">
        <v>1243</v>
      </c>
      <c r="C92" s="9">
        <v>0.8</v>
      </c>
    </row>
    <row r="94" spans="1:3" x14ac:dyDescent="0.25">
      <c r="A94" s="14" t="s">
        <v>6</v>
      </c>
      <c r="B94" s="14" t="s">
        <v>1244</v>
      </c>
      <c r="C94" s="14" t="s">
        <v>1046</v>
      </c>
    </row>
    <row r="95" spans="1:3" x14ac:dyDescent="0.25">
      <c r="A95" s="14" t="s">
        <v>7</v>
      </c>
      <c r="B95" s="14" t="s">
        <v>7</v>
      </c>
      <c r="C95" s="14" t="s">
        <v>7</v>
      </c>
    </row>
    <row r="96" spans="1:3" x14ac:dyDescent="0.25">
      <c r="A96" s="4" t="s">
        <v>220</v>
      </c>
      <c r="B96" s="6" t="s">
        <v>1245</v>
      </c>
      <c r="C96" s="2" t="s">
        <v>39</v>
      </c>
    </row>
    <row r="97" spans="1:9" x14ac:dyDescent="0.25">
      <c r="A97" s="4" t="s">
        <v>222</v>
      </c>
      <c r="B97" s="6" t="s">
        <v>1246</v>
      </c>
      <c r="C97" s="2" t="s">
        <v>39</v>
      </c>
    </row>
    <row r="99" spans="1:9" x14ac:dyDescent="0.25">
      <c r="A99" s="14" t="s">
        <v>6</v>
      </c>
      <c r="B99" s="14" t="s">
        <v>1247</v>
      </c>
      <c r="C99" s="14" t="s">
        <v>463</v>
      </c>
      <c r="D99" s="14" t="s">
        <v>1212</v>
      </c>
      <c r="E99" s="14" t="s">
        <v>250</v>
      </c>
      <c r="F99" s="14" t="s">
        <v>7</v>
      </c>
      <c r="G99" s="14" t="s">
        <v>254</v>
      </c>
      <c r="H99" s="14" t="s">
        <v>7</v>
      </c>
      <c r="I99" s="14" t="s">
        <v>1217</v>
      </c>
    </row>
    <row r="100" spans="1:9" ht="21" x14ac:dyDescent="0.25">
      <c r="A100" s="14" t="s">
        <v>7</v>
      </c>
      <c r="B100" s="14" t="s">
        <v>7</v>
      </c>
      <c r="C100" s="14" t="s">
        <v>7</v>
      </c>
      <c r="D100" s="14" t="s">
        <v>7</v>
      </c>
      <c r="E100" s="1" t="s">
        <v>1213</v>
      </c>
      <c r="F100" s="1" t="s">
        <v>1214</v>
      </c>
      <c r="G100" s="1" t="s">
        <v>1248</v>
      </c>
      <c r="H100" s="1" t="s">
        <v>1216</v>
      </c>
      <c r="I100" s="14" t="s">
        <v>7</v>
      </c>
    </row>
    <row r="101" spans="1:9" x14ac:dyDescent="0.25">
      <c r="A101" s="5" t="s">
        <v>224</v>
      </c>
      <c r="B101" s="7" t="s">
        <v>1249</v>
      </c>
      <c r="C101" s="8">
        <v>500000</v>
      </c>
      <c r="D101" s="8">
        <v>0</v>
      </c>
      <c r="E101" s="8">
        <v>0</v>
      </c>
      <c r="F101" s="8" t="s">
        <v>39</v>
      </c>
      <c r="G101" s="8">
        <v>0</v>
      </c>
      <c r="H101" s="8" t="s">
        <v>39</v>
      </c>
      <c r="I101" s="8">
        <v>0</v>
      </c>
    </row>
    <row r="102" spans="1:9" x14ac:dyDescent="0.25">
      <c r="A102" s="4" t="s">
        <v>226</v>
      </c>
      <c r="B102" s="6" t="s">
        <v>1250</v>
      </c>
      <c r="C102" s="9">
        <v>500000</v>
      </c>
      <c r="D102" s="9">
        <v>0</v>
      </c>
      <c r="E102" s="9">
        <v>0</v>
      </c>
      <c r="F102" s="9" t="s">
        <v>39</v>
      </c>
      <c r="G102" s="9">
        <v>0</v>
      </c>
      <c r="H102" s="9" t="s">
        <v>39</v>
      </c>
      <c r="I102" s="9">
        <v>0</v>
      </c>
    </row>
    <row r="103" spans="1:9" x14ac:dyDescent="0.25">
      <c r="A103" s="4" t="s">
        <v>228</v>
      </c>
      <c r="B103" s="6" t="s">
        <v>1251</v>
      </c>
      <c r="C103" s="9">
        <v>0</v>
      </c>
      <c r="D103" s="9">
        <v>0</v>
      </c>
      <c r="E103" s="9">
        <v>0</v>
      </c>
      <c r="F103" s="9" t="s">
        <v>39</v>
      </c>
      <c r="G103" s="9">
        <v>0</v>
      </c>
      <c r="H103" s="9" t="s">
        <v>39</v>
      </c>
      <c r="I103" s="9">
        <v>0</v>
      </c>
    </row>
    <row r="104" spans="1:9" x14ac:dyDescent="0.25">
      <c r="A104" s="5" t="s">
        <v>230</v>
      </c>
      <c r="B104" s="7" t="s">
        <v>1252</v>
      </c>
      <c r="C104" s="8">
        <v>642281400</v>
      </c>
      <c r="D104" s="8">
        <v>649771065.61000001</v>
      </c>
      <c r="E104" s="8">
        <v>634366302.92999995</v>
      </c>
      <c r="F104" s="8" t="s">
        <v>1253</v>
      </c>
      <c r="G104" s="8">
        <v>633520463.87</v>
      </c>
      <c r="H104" s="8" t="s">
        <v>1230</v>
      </c>
      <c r="I104" s="8">
        <v>845839.06</v>
      </c>
    </row>
    <row r="105" spans="1:9" x14ac:dyDescent="0.25">
      <c r="A105" s="4" t="s">
        <v>231</v>
      </c>
      <c r="B105" s="6" t="s">
        <v>1254</v>
      </c>
      <c r="C105" s="9">
        <v>623096400</v>
      </c>
      <c r="D105" s="9">
        <v>643332517.61000001</v>
      </c>
      <c r="E105" s="9">
        <v>627927755.75</v>
      </c>
      <c r="F105" s="9" t="s">
        <v>1255</v>
      </c>
      <c r="G105" s="9">
        <v>627335619.49000001</v>
      </c>
      <c r="H105" s="9" t="s">
        <v>1256</v>
      </c>
      <c r="I105" s="9">
        <v>592136.26</v>
      </c>
    </row>
    <row r="106" spans="1:9" x14ac:dyDescent="0.25">
      <c r="A106" s="4" t="s">
        <v>232</v>
      </c>
      <c r="B106" s="6" t="s">
        <v>1257</v>
      </c>
      <c r="C106" s="9">
        <v>19185000</v>
      </c>
      <c r="D106" s="9">
        <v>6438548</v>
      </c>
      <c r="E106" s="9">
        <v>6438547.1799999997</v>
      </c>
      <c r="F106" s="9" t="s">
        <v>240</v>
      </c>
      <c r="G106" s="9">
        <v>6184844.3799999999</v>
      </c>
      <c r="H106" s="9" t="s">
        <v>1258</v>
      </c>
      <c r="I106" s="9">
        <v>253702.8</v>
      </c>
    </row>
    <row r="107" spans="1:9" x14ac:dyDescent="0.25">
      <c r="A107" s="5" t="s">
        <v>234</v>
      </c>
      <c r="B107" s="7" t="s">
        <v>1259</v>
      </c>
      <c r="C107" s="8">
        <v>424680600</v>
      </c>
      <c r="D107" s="8">
        <v>437125516.38999999</v>
      </c>
      <c r="E107" s="8">
        <v>426892218.14999998</v>
      </c>
      <c r="F107" s="8" t="s">
        <v>1260</v>
      </c>
      <c r="G107" s="8">
        <v>426505405.98000002</v>
      </c>
      <c r="H107" s="8" t="s">
        <v>1261</v>
      </c>
      <c r="I107" s="8">
        <v>386812.17</v>
      </c>
    </row>
    <row r="108" spans="1:9" x14ac:dyDescent="0.25">
      <c r="A108" s="4" t="s">
        <v>236</v>
      </c>
      <c r="B108" s="6" t="s">
        <v>1262</v>
      </c>
      <c r="C108" s="9">
        <v>407397600</v>
      </c>
      <c r="D108" s="9">
        <v>422161482.38999999</v>
      </c>
      <c r="E108" s="9">
        <v>411928184.87</v>
      </c>
      <c r="F108" s="9" t="s">
        <v>1219</v>
      </c>
      <c r="G108" s="9">
        <v>411541372.69999999</v>
      </c>
      <c r="H108" s="9" t="s">
        <v>1220</v>
      </c>
      <c r="I108" s="9">
        <v>386812.17</v>
      </c>
    </row>
    <row r="109" spans="1:9" x14ac:dyDescent="0.25">
      <c r="A109" s="4" t="s">
        <v>238</v>
      </c>
      <c r="B109" s="6" t="s">
        <v>1263</v>
      </c>
      <c r="C109" s="9">
        <v>17283000</v>
      </c>
      <c r="D109" s="9">
        <v>14964034</v>
      </c>
      <c r="E109" s="9">
        <v>14964033.279999999</v>
      </c>
      <c r="F109" s="9" t="s">
        <v>240</v>
      </c>
      <c r="G109" s="9">
        <v>14964033.279999999</v>
      </c>
      <c r="H109" s="9" t="s">
        <v>240</v>
      </c>
      <c r="I109" s="9">
        <v>0</v>
      </c>
    </row>
    <row r="110" spans="1:9" x14ac:dyDescent="0.25">
      <c r="A110" s="4" t="s">
        <v>241</v>
      </c>
      <c r="B110" s="6" t="s">
        <v>1264</v>
      </c>
      <c r="C110" s="9">
        <v>6156400</v>
      </c>
      <c r="D110" s="9">
        <v>4359250</v>
      </c>
      <c r="E110" s="9">
        <v>3924193.52</v>
      </c>
      <c r="F110" s="9" t="s">
        <v>1265</v>
      </c>
      <c r="G110" s="9">
        <v>3913843.52</v>
      </c>
      <c r="H110" s="9" t="s">
        <v>1266</v>
      </c>
      <c r="I110" s="9">
        <v>10350</v>
      </c>
    </row>
    <row r="111" spans="1:9" x14ac:dyDescent="0.25">
      <c r="A111" s="4" t="s">
        <v>243</v>
      </c>
      <c r="B111" s="6" t="s">
        <v>1267</v>
      </c>
      <c r="C111" s="9">
        <v>4089000</v>
      </c>
      <c r="D111" s="9">
        <v>360682</v>
      </c>
      <c r="E111" s="9">
        <v>42218.2</v>
      </c>
      <c r="F111" s="9" t="s">
        <v>1268</v>
      </c>
      <c r="G111" s="9">
        <v>42218.2</v>
      </c>
      <c r="H111" s="9" t="s">
        <v>1268</v>
      </c>
      <c r="I111" s="9">
        <v>0</v>
      </c>
    </row>
    <row r="112" spans="1:9" x14ac:dyDescent="0.25">
      <c r="A112" s="4" t="s">
        <v>245</v>
      </c>
      <c r="B112" s="6" t="s">
        <v>1269</v>
      </c>
      <c r="C112" s="9">
        <v>573216900</v>
      </c>
      <c r="D112" s="9">
        <v>1642390594.49</v>
      </c>
      <c r="E112" s="9">
        <v>1535778176.46</v>
      </c>
      <c r="F112" s="9" t="s">
        <v>1270</v>
      </c>
      <c r="G112" s="9">
        <v>1482862592.95</v>
      </c>
      <c r="H112" s="9" t="s">
        <v>1271</v>
      </c>
      <c r="I112" s="9">
        <v>52915583.509999998</v>
      </c>
    </row>
    <row r="113" spans="1:9" x14ac:dyDescent="0.25">
      <c r="A113" s="5" t="s">
        <v>260</v>
      </c>
      <c r="B113" s="7" t="s">
        <v>1272</v>
      </c>
      <c r="C113" s="8">
        <v>1650924300</v>
      </c>
      <c r="D113" s="8">
        <v>2734007108.4899998</v>
      </c>
      <c r="E113" s="8">
        <v>2601003109.2600002</v>
      </c>
      <c r="F113" s="8" t="s">
        <v>1273</v>
      </c>
      <c r="G113" s="8">
        <v>2546844524.52</v>
      </c>
      <c r="H113" s="8" t="s">
        <v>1274</v>
      </c>
      <c r="I113" s="8">
        <v>54158584.740000002</v>
      </c>
    </row>
    <row r="115" spans="1:9" x14ac:dyDescent="0.25">
      <c r="A115" s="14" t="s">
        <v>6</v>
      </c>
      <c r="B115" s="14" t="s">
        <v>1275</v>
      </c>
      <c r="C115" s="14" t="s">
        <v>1046</v>
      </c>
    </row>
    <row r="116" spans="1:9" x14ac:dyDescent="0.25">
      <c r="A116" s="14" t="s">
        <v>7</v>
      </c>
      <c r="B116" s="14" t="s">
        <v>7</v>
      </c>
      <c r="C116" s="14" t="s">
        <v>7</v>
      </c>
    </row>
    <row r="117" spans="1:9" x14ac:dyDescent="0.25">
      <c r="A117" s="4" t="s">
        <v>263</v>
      </c>
      <c r="B117" s="6" t="s">
        <v>1276</v>
      </c>
      <c r="C117" s="9">
        <v>-608355892.33000004</v>
      </c>
    </row>
    <row r="118" spans="1:9" x14ac:dyDescent="0.25">
      <c r="A118" s="4" t="s">
        <v>265</v>
      </c>
      <c r="B118" s="6" t="s">
        <v>1277</v>
      </c>
      <c r="C118" s="9">
        <v>0</v>
      </c>
    </row>
    <row r="119" spans="1:9" x14ac:dyDescent="0.25">
      <c r="A119" s="4" t="s">
        <v>267</v>
      </c>
      <c r="B119" s="6" t="s">
        <v>1278</v>
      </c>
      <c r="C119" s="9">
        <v>0</v>
      </c>
    </row>
    <row r="120" spans="1:9" x14ac:dyDescent="0.25">
      <c r="A120" s="4" t="s">
        <v>269</v>
      </c>
      <c r="B120" s="6" t="s">
        <v>1279</v>
      </c>
      <c r="C120" s="9">
        <v>0</v>
      </c>
    </row>
    <row r="121" spans="1:9" x14ac:dyDescent="0.25">
      <c r="A121" s="4" t="s">
        <v>271</v>
      </c>
      <c r="B121" s="6" t="s">
        <v>1280</v>
      </c>
      <c r="C121" s="9">
        <v>0</v>
      </c>
    </row>
    <row r="122" spans="1:9" x14ac:dyDescent="0.25">
      <c r="A122" s="4" t="s">
        <v>273</v>
      </c>
      <c r="B122" s="6" t="s">
        <v>1281</v>
      </c>
      <c r="C122" s="9">
        <v>11733581.41</v>
      </c>
    </row>
    <row r="123" spans="1:9" x14ac:dyDescent="0.25">
      <c r="A123" s="5" t="s">
        <v>275</v>
      </c>
      <c r="B123" s="7" t="s">
        <v>1282</v>
      </c>
      <c r="C123" s="8">
        <v>-596622310.91999996</v>
      </c>
    </row>
    <row r="124" spans="1:9" x14ac:dyDescent="0.25">
      <c r="A124" s="4" t="s">
        <v>277</v>
      </c>
      <c r="B124" s="6" t="s">
        <v>1283</v>
      </c>
      <c r="C124" s="9">
        <v>3197625420.1799998</v>
      </c>
    </row>
    <row r="125" spans="1:9" x14ac:dyDescent="0.25">
      <c r="A125" s="4" t="s">
        <v>279</v>
      </c>
      <c r="B125" s="6" t="s">
        <v>1284</v>
      </c>
      <c r="C125" s="9">
        <v>35.01</v>
      </c>
    </row>
    <row r="127" spans="1:9" x14ac:dyDescent="0.25">
      <c r="A127" s="14" t="s">
        <v>6</v>
      </c>
      <c r="B127" s="14" t="s">
        <v>1285</v>
      </c>
      <c r="C127" s="14" t="s">
        <v>463</v>
      </c>
      <c r="D127" s="14" t="s">
        <v>1212</v>
      </c>
      <c r="E127" s="14" t="s">
        <v>250</v>
      </c>
      <c r="F127" s="14" t="s">
        <v>7</v>
      </c>
      <c r="G127" s="14" t="s">
        <v>254</v>
      </c>
      <c r="H127" s="14" t="s">
        <v>7</v>
      </c>
      <c r="I127" s="14" t="s">
        <v>1217</v>
      </c>
    </row>
    <row r="128" spans="1:9" ht="21" x14ac:dyDescent="0.25">
      <c r="A128" s="14" t="s">
        <v>7</v>
      </c>
      <c r="B128" s="14" t="s">
        <v>7</v>
      </c>
      <c r="C128" s="14" t="s">
        <v>7</v>
      </c>
      <c r="D128" s="14" t="s">
        <v>7</v>
      </c>
      <c r="E128" s="1" t="s">
        <v>1213</v>
      </c>
      <c r="F128" s="1" t="s">
        <v>1214</v>
      </c>
      <c r="G128" s="1" t="s">
        <v>1248</v>
      </c>
      <c r="H128" s="1" t="s">
        <v>1216</v>
      </c>
      <c r="I128" s="14" t="s">
        <v>7</v>
      </c>
    </row>
    <row r="129" spans="1:9" x14ac:dyDescent="0.25">
      <c r="A129" s="4" t="s">
        <v>281</v>
      </c>
      <c r="B129" s="6" t="s">
        <v>1286</v>
      </c>
      <c r="C129" s="9">
        <v>0</v>
      </c>
      <c r="D129" s="9">
        <v>0</v>
      </c>
      <c r="E129" s="9">
        <v>0</v>
      </c>
      <c r="F129" s="9" t="s">
        <v>39</v>
      </c>
      <c r="G129" s="9">
        <v>0</v>
      </c>
      <c r="H129" s="9" t="s">
        <v>39</v>
      </c>
      <c r="I129" s="9">
        <v>0</v>
      </c>
    </row>
    <row r="130" spans="1:9" x14ac:dyDescent="0.25">
      <c r="A130" s="4" t="s">
        <v>283</v>
      </c>
      <c r="B130" s="6" t="s">
        <v>1287</v>
      </c>
      <c r="C130" s="9">
        <v>56768300</v>
      </c>
      <c r="D130" s="9">
        <v>61068300</v>
      </c>
      <c r="E130" s="9">
        <v>60684499.049999997</v>
      </c>
      <c r="F130" s="9" t="s">
        <v>1288</v>
      </c>
      <c r="G130" s="9">
        <v>60673607.939999998</v>
      </c>
      <c r="H130" s="9" t="s">
        <v>1289</v>
      </c>
      <c r="I130" s="9">
        <v>10891.11</v>
      </c>
    </row>
    <row r="131" spans="1:9" x14ac:dyDescent="0.25">
      <c r="A131" s="4" t="s">
        <v>285</v>
      </c>
      <c r="B131" s="6" t="s">
        <v>1290</v>
      </c>
      <c r="C131" s="9">
        <v>0</v>
      </c>
      <c r="D131" s="9">
        <v>0</v>
      </c>
      <c r="E131" s="9">
        <v>0</v>
      </c>
      <c r="F131" s="9" t="s">
        <v>39</v>
      </c>
      <c r="G131" s="9">
        <v>0</v>
      </c>
      <c r="H131" s="9" t="s">
        <v>39</v>
      </c>
      <c r="I131" s="9">
        <v>0</v>
      </c>
    </row>
    <row r="132" spans="1:9" x14ac:dyDescent="0.25">
      <c r="A132" s="4" t="s">
        <v>288</v>
      </c>
      <c r="B132" s="6" t="s">
        <v>1291</v>
      </c>
      <c r="C132" s="9">
        <v>79427600</v>
      </c>
      <c r="D132" s="9">
        <v>84927600</v>
      </c>
      <c r="E132" s="9">
        <v>53670027.920000002</v>
      </c>
      <c r="F132" s="9" t="s">
        <v>1292</v>
      </c>
      <c r="G132" s="9">
        <v>51112219.100000001</v>
      </c>
      <c r="H132" s="9" t="s">
        <v>1293</v>
      </c>
      <c r="I132" s="9">
        <v>2557808.8199999998</v>
      </c>
    </row>
    <row r="133" spans="1:9" x14ac:dyDescent="0.25">
      <c r="A133" s="5" t="s">
        <v>290</v>
      </c>
      <c r="B133" s="7" t="s">
        <v>1294</v>
      </c>
      <c r="C133" s="8">
        <v>136195900</v>
      </c>
      <c r="D133" s="8">
        <v>145995900</v>
      </c>
      <c r="E133" s="8">
        <v>114354526.97</v>
      </c>
      <c r="F133" s="8" t="s">
        <v>1295</v>
      </c>
      <c r="G133" s="8">
        <v>111785827.04000001</v>
      </c>
      <c r="H133" s="8" t="s">
        <v>1296</v>
      </c>
      <c r="I133" s="8">
        <v>2568699.9300000002</v>
      </c>
    </row>
    <row r="134" spans="1:9" x14ac:dyDescent="0.25">
      <c r="A134" s="4" t="s">
        <v>292</v>
      </c>
      <c r="B134" s="6" t="s">
        <v>1297</v>
      </c>
      <c r="C134" s="9">
        <v>1787120200</v>
      </c>
      <c r="D134" s="9">
        <v>2880003008.4899998</v>
      </c>
      <c r="E134" s="9">
        <v>2715357636.23</v>
      </c>
      <c r="F134" s="9" t="s">
        <v>1298</v>
      </c>
      <c r="G134" s="9">
        <v>2658630351.5599999</v>
      </c>
      <c r="H134" s="9" t="s">
        <v>1299</v>
      </c>
      <c r="I134" s="9">
        <v>56727284.670000002</v>
      </c>
    </row>
    <row r="136" spans="1:9" x14ac:dyDescent="0.25">
      <c r="A136" s="14" t="s">
        <v>6</v>
      </c>
      <c r="B136" s="14" t="s">
        <v>1300</v>
      </c>
      <c r="C136" s="14" t="s">
        <v>1301</v>
      </c>
      <c r="D136" s="14" t="s">
        <v>1302</v>
      </c>
    </row>
    <row r="137" spans="1:9" x14ac:dyDescent="0.25">
      <c r="A137" s="14" t="s">
        <v>7</v>
      </c>
      <c r="B137" s="14" t="s">
        <v>7</v>
      </c>
      <c r="C137" s="14" t="s">
        <v>7</v>
      </c>
      <c r="D137" s="14" t="s">
        <v>7</v>
      </c>
    </row>
    <row r="138" spans="1:9" x14ac:dyDescent="0.25">
      <c r="A138" s="5" t="s">
        <v>294</v>
      </c>
      <c r="B138" s="7" t="s">
        <v>1303</v>
      </c>
      <c r="C138" s="8">
        <v>10979193.939999999</v>
      </c>
      <c r="D138" s="8">
        <v>11733581.41</v>
      </c>
    </row>
    <row r="139" spans="1:9" x14ac:dyDescent="0.25">
      <c r="A139" s="4" t="s">
        <v>296</v>
      </c>
      <c r="B139" s="6" t="s">
        <v>1304</v>
      </c>
      <c r="C139" s="9">
        <v>10979193.939999999</v>
      </c>
      <c r="D139" s="9">
        <v>11548962.34</v>
      </c>
    </row>
    <row r="140" spans="1:9" x14ac:dyDescent="0.25">
      <c r="A140" s="4" t="s">
        <v>298</v>
      </c>
      <c r="B140" s="6" t="s">
        <v>1305</v>
      </c>
      <c r="C140" s="9">
        <v>0</v>
      </c>
      <c r="D140" s="9">
        <v>184619.07</v>
      </c>
    </row>
    <row r="142" spans="1:9" x14ac:dyDescent="0.25">
      <c r="A142" s="14" t="s">
        <v>6</v>
      </c>
      <c r="B142" s="14" t="s">
        <v>1306</v>
      </c>
      <c r="C142" s="14" t="s">
        <v>1307</v>
      </c>
      <c r="D142" s="14" t="s">
        <v>1308</v>
      </c>
    </row>
    <row r="143" spans="1:9" x14ac:dyDescent="0.25">
      <c r="A143" s="14" t="s">
        <v>7</v>
      </c>
      <c r="B143" s="14" t="s">
        <v>7</v>
      </c>
      <c r="C143" s="14" t="s">
        <v>7</v>
      </c>
      <c r="D143" s="14" t="s">
        <v>7</v>
      </c>
    </row>
    <row r="144" spans="1:9" x14ac:dyDescent="0.25">
      <c r="A144" s="4" t="s">
        <v>300</v>
      </c>
      <c r="B144" s="6" t="s">
        <v>1309</v>
      </c>
      <c r="C144" s="9">
        <v>62359485.890000001</v>
      </c>
      <c r="D144" s="9">
        <v>-434745.83</v>
      </c>
    </row>
    <row r="145" spans="1:4" x14ac:dyDescent="0.25">
      <c r="A145" s="4" t="s">
        <v>301</v>
      </c>
      <c r="B145" s="6" t="s">
        <v>1310</v>
      </c>
      <c r="C145" s="9">
        <v>1037689821.02</v>
      </c>
      <c r="D145" s="9">
        <v>59823837</v>
      </c>
    </row>
    <row r="146" spans="1:4" x14ac:dyDescent="0.25">
      <c r="A146" s="5" t="s">
        <v>302</v>
      </c>
      <c r="B146" s="7" t="s">
        <v>1311</v>
      </c>
      <c r="C146" s="8">
        <v>1034038180.29</v>
      </c>
      <c r="D146" s="8">
        <v>63182577.549999997</v>
      </c>
    </row>
    <row r="147" spans="1:4" x14ac:dyDescent="0.25">
      <c r="A147" s="4" t="s">
        <v>304</v>
      </c>
      <c r="B147" s="6" t="s">
        <v>1312</v>
      </c>
      <c r="C147" s="9">
        <v>999101260.35000002</v>
      </c>
      <c r="D147" s="9">
        <v>60466268.270000003</v>
      </c>
    </row>
    <row r="148" spans="1:4" x14ac:dyDescent="0.25">
      <c r="A148" s="4" t="s">
        <v>306</v>
      </c>
      <c r="B148" s="6" t="s">
        <v>1313</v>
      </c>
      <c r="C148" s="9">
        <v>34936919.939999998</v>
      </c>
      <c r="D148" s="9">
        <v>2716309.28</v>
      </c>
    </row>
    <row r="149" spans="1:4" x14ac:dyDescent="0.25">
      <c r="A149" s="4" t="s">
        <v>308</v>
      </c>
      <c r="B149" s="6" t="s">
        <v>1314</v>
      </c>
      <c r="C149" s="9">
        <v>9569051.9900000002</v>
      </c>
      <c r="D149" s="9">
        <v>1297601.31</v>
      </c>
    </row>
    <row r="150" spans="1:4" x14ac:dyDescent="0.25">
      <c r="A150" s="5" t="s">
        <v>311</v>
      </c>
      <c r="B150" s="7" t="s">
        <v>1315</v>
      </c>
      <c r="C150" s="8">
        <v>75580178.609999999</v>
      </c>
      <c r="D150" s="8">
        <v>-2495885.0699999998</v>
      </c>
    </row>
    <row r="151" spans="1:4" x14ac:dyDescent="0.25">
      <c r="A151" s="5" t="s">
        <v>313</v>
      </c>
      <c r="B151" s="7" t="s">
        <v>1316</v>
      </c>
      <c r="C151" s="8">
        <v>0</v>
      </c>
      <c r="D151" s="8">
        <v>0</v>
      </c>
    </row>
    <row r="152" spans="1:4" x14ac:dyDescent="0.25">
      <c r="A152" s="4" t="s">
        <v>315</v>
      </c>
      <c r="B152" s="6" t="s">
        <v>1317</v>
      </c>
      <c r="C152" s="9">
        <v>0</v>
      </c>
      <c r="D152" s="9">
        <v>0</v>
      </c>
    </row>
    <row r="153" spans="1:4" x14ac:dyDescent="0.25">
      <c r="A153" s="4" t="s">
        <v>317</v>
      </c>
      <c r="B153" s="6" t="s">
        <v>1318</v>
      </c>
      <c r="C153" s="9">
        <v>0</v>
      </c>
      <c r="D153" s="9">
        <v>0</v>
      </c>
    </row>
    <row r="154" spans="1:4" x14ac:dyDescent="0.25">
      <c r="A154" s="5" t="s">
        <v>319</v>
      </c>
      <c r="B154" s="7" t="s">
        <v>1319</v>
      </c>
      <c r="C154" s="8">
        <v>75580178.609999999</v>
      </c>
      <c r="D154" s="8">
        <v>-2495885.0699999998</v>
      </c>
    </row>
  </sheetData>
  <mergeCells count="62">
    <mergeCell ref="A142:A143"/>
    <mergeCell ref="B142:B143"/>
    <mergeCell ref="C142:C143"/>
    <mergeCell ref="D142:D143"/>
    <mergeCell ref="G127:H127"/>
    <mergeCell ref="I127:I128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  <mergeCell ref="G99:H99"/>
    <mergeCell ref="I99:I100"/>
    <mergeCell ref="A115:A116"/>
    <mergeCell ref="B115:B116"/>
    <mergeCell ref="C115:C116"/>
    <mergeCell ref="A99:A100"/>
    <mergeCell ref="B99:B100"/>
    <mergeCell ref="C99:C100"/>
    <mergeCell ref="D99:D100"/>
    <mergeCell ref="E99:F99"/>
    <mergeCell ref="A87:A88"/>
    <mergeCell ref="B87:B88"/>
    <mergeCell ref="C87:C88"/>
    <mergeCell ref="A94:A95"/>
    <mergeCell ref="B94:B95"/>
    <mergeCell ref="C94:C95"/>
    <mergeCell ref="G67:H67"/>
    <mergeCell ref="I67:I68"/>
    <mergeCell ref="A77:A78"/>
    <mergeCell ref="B77:B78"/>
    <mergeCell ref="C77:C78"/>
    <mergeCell ref="A67:A68"/>
    <mergeCell ref="B67:B68"/>
    <mergeCell ref="C67:C68"/>
    <mergeCell ref="D67:D68"/>
    <mergeCell ref="E67:F67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23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5" width="19" bestFit="1" customWidth="1"/>
    <col min="6" max="6" width="17.28515625" bestFit="1" customWidth="1"/>
    <col min="7" max="7" width="16" bestFit="1" customWidth="1"/>
  </cols>
  <sheetData>
    <row r="3" spans="1:7" x14ac:dyDescent="0.25">
      <c r="A3" s="10" t="s">
        <v>0</v>
      </c>
      <c r="B3" s="11"/>
      <c r="C3" s="11"/>
      <c r="D3" s="11"/>
      <c r="E3" s="11"/>
      <c r="F3" s="11"/>
      <c r="G3" s="11"/>
    </row>
    <row r="4" spans="1:7" x14ac:dyDescent="0.25">
      <c r="A4" s="10" t="s">
        <v>1</v>
      </c>
      <c r="B4" s="11"/>
      <c r="C4" s="11"/>
      <c r="D4" s="11"/>
      <c r="E4" s="11"/>
      <c r="F4" s="11"/>
      <c r="G4" s="11"/>
    </row>
    <row r="5" spans="1:7" x14ac:dyDescent="0.25">
      <c r="A5" s="12" t="s">
        <v>1320</v>
      </c>
      <c r="B5" s="11"/>
      <c r="C5" s="11"/>
      <c r="D5" s="11"/>
      <c r="E5" s="11"/>
      <c r="F5" s="11"/>
      <c r="G5" s="11"/>
    </row>
    <row r="6" spans="1:7" x14ac:dyDescent="0.25">
      <c r="A6" s="10" t="s">
        <v>3</v>
      </c>
      <c r="B6" s="11"/>
      <c r="C6" s="11"/>
      <c r="D6" s="11"/>
      <c r="E6" s="11"/>
      <c r="F6" s="11"/>
      <c r="G6" s="11"/>
    </row>
    <row r="7" spans="1:7" x14ac:dyDescent="0.25">
      <c r="A7" s="10" t="s">
        <v>4</v>
      </c>
      <c r="B7" s="11"/>
      <c r="C7" s="11"/>
      <c r="D7" s="11"/>
      <c r="E7" s="11"/>
      <c r="F7" s="11"/>
      <c r="G7" s="11"/>
    </row>
    <row r="9" spans="1:7" x14ac:dyDescent="0.25">
      <c r="A9" s="13" t="s">
        <v>1321</v>
      </c>
      <c r="B9" s="11"/>
      <c r="C9" s="11"/>
      <c r="D9" s="11"/>
      <c r="E9" s="11"/>
      <c r="F9" s="11"/>
      <c r="G9" s="11"/>
    </row>
    <row r="10" spans="1:7" x14ac:dyDescent="0.25">
      <c r="A10" s="14" t="s">
        <v>6</v>
      </c>
      <c r="B10" s="14" t="s">
        <v>8</v>
      </c>
      <c r="C10" s="14" t="s">
        <v>10</v>
      </c>
      <c r="D10" s="14" t="s">
        <v>1322</v>
      </c>
      <c r="E10" s="14" t="s">
        <v>1323</v>
      </c>
    </row>
    <row r="11" spans="1:7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4" t="s">
        <v>7</v>
      </c>
    </row>
    <row r="12" spans="1:7" x14ac:dyDescent="0.25">
      <c r="A12" s="4" t="s">
        <v>17</v>
      </c>
      <c r="B12" s="6" t="s">
        <v>1324</v>
      </c>
      <c r="C12" s="9">
        <v>22665700</v>
      </c>
      <c r="D12" s="9">
        <v>17613400</v>
      </c>
      <c r="E12" s="9">
        <v>5052300</v>
      </c>
    </row>
    <row r="14" spans="1:7" x14ac:dyDescent="0.25">
      <c r="A14" s="14" t="s">
        <v>6</v>
      </c>
      <c r="B14" s="14" t="s">
        <v>247</v>
      </c>
      <c r="C14" s="14" t="s">
        <v>1212</v>
      </c>
      <c r="D14" s="14" t="s">
        <v>1325</v>
      </c>
      <c r="E14" s="14" t="s">
        <v>254</v>
      </c>
      <c r="F14" s="14" t="s">
        <v>1326</v>
      </c>
      <c r="G14" s="14" t="s">
        <v>1327</v>
      </c>
    </row>
    <row r="15" spans="1:7" x14ac:dyDescent="0.25">
      <c r="A15" s="14" t="s">
        <v>7</v>
      </c>
      <c r="B15" s="14" t="s">
        <v>7</v>
      </c>
      <c r="C15" s="14" t="s">
        <v>7</v>
      </c>
      <c r="D15" s="14" t="s">
        <v>7</v>
      </c>
      <c r="E15" s="14" t="s">
        <v>7</v>
      </c>
      <c r="F15" s="14" t="s">
        <v>7</v>
      </c>
      <c r="G15" s="14" t="s">
        <v>7</v>
      </c>
    </row>
    <row r="16" spans="1:7" x14ac:dyDescent="0.25">
      <c r="A16" s="4" t="s">
        <v>21</v>
      </c>
      <c r="B16" s="6" t="s">
        <v>451</v>
      </c>
      <c r="C16" s="9">
        <v>1641173950.2</v>
      </c>
      <c r="D16" s="9">
        <v>1605361267.4000001</v>
      </c>
      <c r="E16" s="9">
        <v>1460044364.0999999</v>
      </c>
      <c r="F16" s="9">
        <v>145316903.30000001</v>
      </c>
      <c r="G16" s="9">
        <v>35812682.799999997</v>
      </c>
    </row>
    <row r="17" spans="1:7" x14ac:dyDescent="0.25">
      <c r="A17" s="4" t="s">
        <v>25</v>
      </c>
      <c r="B17" s="6" t="s">
        <v>1328</v>
      </c>
      <c r="C17" s="9">
        <v>0</v>
      </c>
      <c r="D17" s="9">
        <v>0</v>
      </c>
      <c r="E17" s="9">
        <v>0</v>
      </c>
      <c r="F17" s="9">
        <v>0</v>
      </c>
      <c r="G17" s="9">
        <v>0</v>
      </c>
    </row>
    <row r="18" spans="1:7" x14ac:dyDescent="0.25">
      <c r="A18" s="4" t="s">
        <v>29</v>
      </c>
      <c r="B18" s="6" t="s">
        <v>1329</v>
      </c>
      <c r="C18" s="9">
        <v>0</v>
      </c>
      <c r="D18" s="9">
        <v>0</v>
      </c>
      <c r="E18" s="9">
        <v>0</v>
      </c>
      <c r="F18" s="9">
        <v>0</v>
      </c>
      <c r="G18" s="9">
        <v>0</v>
      </c>
    </row>
    <row r="19" spans="1:7" x14ac:dyDescent="0.25">
      <c r="A19" s="5" t="s">
        <v>33</v>
      </c>
      <c r="B19" s="7" t="s">
        <v>1330</v>
      </c>
      <c r="C19" s="8">
        <v>1641173950.2</v>
      </c>
      <c r="D19" s="8">
        <v>1605361267.4000001</v>
      </c>
      <c r="E19" s="8">
        <v>1460044364.0999999</v>
      </c>
      <c r="F19" s="8">
        <v>145316903.30000001</v>
      </c>
      <c r="G19" s="8">
        <v>35812682.799999997</v>
      </c>
    </row>
    <row r="21" spans="1:7" x14ac:dyDescent="0.25">
      <c r="A21" s="14" t="s">
        <v>6</v>
      </c>
      <c r="B21" s="14" t="s">
        <v>1331</v>
      </c>
      <c r="C21" s="14" t="s">
        <v>1332</v>
      </c>
      <c r="D21" s="14" t="s">
        <v>1333</v>
      </c>
      <c r="E21" s="14" t="s">
        <v>1334</v>
      </c>
    </row>
    <row r="22" spans="1:7" x14ac:dyDescent="0.25">
      <c r="A22" s="14" t="s">
        <v>7</v>
      </c>
      <c r="B22" s="14" t="s">
        <v>7</v>
      </c>
      <c r="C22" s="14" t="s">
        <v>7</v>
      </c>
      <c r="D22" s="14" t="s">
        <v>7</v>
      </c>
      <c r="E22" s="14" t="s">
        <v>7</v>
      </c>
    </row>
    <row r="23" spans="1:7" x14ac:dyDescent="0.25">
      <c r="A23" s="4" t="s">
        <v>37</v>
      </c>
      <c r="B23" s="6" t="s">
        <v>1335</v>
      </c>
      <c r="C23" s="9">
        <v>-1618508250.2</v>
      </c>
      <c r="D23" s="9">
        <v>-1587747867.4000001</v>
      </c>
      <c r="E23" s="9">
        <v>-30760382.800000001</v>
      </c>
    </row>
  </sheetData>
  <mergeCells count="23">
    <mergeCell ref="F14:F15"/>
    <mergeCell ref="G14:G15"/>
    <mergeCell ref="A21:A22"/>
    <mergeCell ref="B21:B22"/>
    <mergeCell ref="C21:C22"/>
    <mergeCell ref="D21:D22"/>
    <mergeCell ref="E21:E22"/>
    <mergeCell ref="A14:A15"/>
    <mergeCell ref="B14:B15"/>
    <mergeCell ref="C14:C15"/>
    <mergeCell ref="D14:D15"/>
    <mergeCell ref="E14:E15"/>
    <mergeCell ref="A9:G9"/>
    <mergeCell ref="A10:A11"/>
    <mergeCell ref="B10:B11"/>
    <mergeCell ref="C10:C11"/>
    <mergeCell ref="D10:D11"/>
    <mergeCell ref="E10:E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7"/>
  <sheetViews>
    <sheetView showGridLines="0" workbookViewId="0"/>
  </sheetViews>
  <sheetFormatPr defaultRowHeight="15" x14ac:dyDescent="0.25"/>
  <cols>
    <col min="2" max="2" width="10.85546875" bestFit="1" customWidth="1"/>
    <col min="3" max="4" width="16.85546875" bestFit="1" customWidth="1"/>
    <col min="5" max="5" width="15.28515625" bestFit="1" customWidth="1"/>
    <col min="6" max="6" width="18" bestFit="1" customWidth="1"/>
  </cols>
  <sheetData>
    <row r="3" spans="1:6" x14ac:dyDescent="0.25">
      <c r="A3" s="10" t="s">
        <v>0</v>
      </c>
      <c r="B3" s="11"/>
      <c r="C3" s="11"/>
      <c r="D3" s="11"/>
      <c r="E3" s="11"/>
      <c r="F3" s="11"/>
    </row>
    <row r="4" spans="1:6" x14ac:dyDescent="0.25">
      <c r="A4" s="10" t="s">
        <v>1</v>
      </c>
      <c r="B4" s="11"/>
      <c r="C4" s="11"/>
      <c r="D4" s="11"/>
      <c r="E4" s="11"/>
      <c r="F4" s="11"/>
    </row>
    <row r="5" spans="1:6" x14ac:dyDescent="0.25">
      <c r="A5" s="12" t="s">
        <v>1336</v>
      </c>
      <c r="B5" s="11"/>
      <c r="C5" s="11"/>
      <c r="D5" s="11"/>
      <c r="E5" s="11"/>
      <c r="F5" s="11"/>
    </row>
    <row r="6" spans="1:6" x14ac:dyDescent="0.25">
      <c r="A6" s="10" t="s">
        <v>3</v>
      </c>
      <c r="B6" s="11"/>
      <c r="C6" s="11"/>
      <c r="D6" s="11"/>
      <c r="E6" s="11"/>
      <c r="F6" s="11"/>
    </row>
    <row r="7" spans="1:6" x14ac:dyDescent="0.25">
      <c r="A7" s="10" t="s">
        <v>4</v>
      </c>
      <c r="B7" s="11"/>
      <c r="C7" s="11"/>
      <c r="D7" s="11"/>
      <c r="E7" s="11"/>
      <c r="F7" s="11"/>
    </row>
    <row r="9" spans="1:6" x14ac:dyDescent="0.25">
      <c r="A9" s="13" t="s">
        <v>1337</v>
      </c>
      <c r="B9" s="11"/>
      <c r="C9" s="11"/>
      <c r="D9" s="11"/>
      <c r="E9" s="11"/>
      <c r="F9" s="11"/>
    </row>
    <row r="10" spans="1:6" x14ac:dyDescent="0.25">
      <c r="A10" s="14" t="s">
        <v>6</v>
      </c>
      <c r="B10" s="14" t="s">
        <v>1338</v>
      </c>
      <c r="C10" s="14" t="s">
        <v>1339</v>
      </c>
      <c r="D10" s="14" t="s">
        <v>1340</v>
      </c>
      <c r="E10" s="14" t="s">
        <v>1341</v>
      </c>
      <c r="F10" s="14" t="s">
        <v>1342</v>
      </c>
    </row>
    <row r="11" spans="1:6" x14ac:dyDescent="0.25">
      <c r="A11" s="14" t="s">
        <v>7</v>
      </c>
      <c r="B11" s="14" t="s">
        <v>7</v>
      </c>
      <c r="C11" s="14" t="s">
        <v>7</v>
      </c>
      <c r="D11" s="14" t="s">
        <v>7</v>
      </c>
      <c r="E11" s="14" t="s">
        <v>7</v>
      </c>
      <c r="F11" s="14" t="s">
        <v>7</v>
      </c>
    </row>
    <row r="12" spans="1:6" x14ac:dyDescent="0.25">
      <c r="A12" s="4" t="s">
        <v>17</v>
      </c>
      <c r="B12" s="6" t="s">
        <v>951</v>
      </c>
      <c r="C12" s="9">
        <v>2202626040.5300002</v>
      </c>
      <c r="D12" s="9">
        <v>3086546860.1999998</v>
      </c>
      <c r="E12" s="9">
        <v>-883920819.66999996</v>
      </c>
      <c r="F12" s="9">
        <v>74026702.099999994</v>
      </c>
    </row>
    <row r="13" spans="1:6" x14ac:dyDescent="0.25">
      <c r="A13" s="4" t="s">
        <v>21</v>
      </c>
      <c r="B13" s="6" t="s">
        <v>1343</v>
      </c>
      <c r="C13" s="9">
        <v>3067946632.5500002</v>
      </c>
      <c r="D13" s="9">
        <v>3139124462.46</v>
      </c>
      <c r="E13" s="9">
        <v>-71177829.909999996</v>
      </c>
      <c r="F13" s="9">
        <v>2848872.19</v>
      </c>
    </row>
    <row r="14" spans="1:6" x14ac:dyDescent="0.25">
      <c r="A14" s="4" t="s">
        <v>25</v>
      </c>
      <c r="B14" s="6" t="s">
        <v>1344</v>
      </c>
      <c r="C14" s="9">
        <v>3311347574.9499998</v>
      </c>
      <c r="D14" s="9">
        <v>3616000881.8200002</v>
      </c>
      <c r="E14" s="9">
        <v>-304653306.86000001</v>
      </c>
      <c r="F14" s="9">
        <v>-301804434.67000002</v>
      </c>
    </row>
    <row r="15" spans="1:6" x14ac:dyDescent="0.25">
      <c r="A15" s="4" t="s">
        <v>29</v>
      </c>
      <c r="B15" s="6" t="s">
        <v>1345</v>
      </c>
      <c r="C15" s="9">
        <v>3353973649.75</v>
      </c>
      <c r="D15" s="9">
        <v>3692403371.4299998</v>
      </c>
      <c r="E15" s="9">
        <v>-338429721.68000001</v>
      </c>
      <c r="F15" s="9">
        <v>-640234156.35000002</v>
      </c>
    </row>
    <row r="16" spans="1:6" x14ac:dyDescent="0.25">
      <c r="A16" s="4" t="s">
        <v>33</v>
      </c>
      <c r="B16" s="6" t="s">
        <v>1346</v>
      </c>
      <c r="C16" s="9">
        <v>3394829097.8400002</v>
      </c>
      <c r="D16" s="9">
        <v>3767563312.3899999</v>
      </c>
      <c r="E16" s="9">
        <v>-372734214.55000001</v>
      </c>
      <c r="F16" s="9">
        <v>-1012968370.89</v>
      </c>
    </row>
    <row r="17" spans="1:6" x14ac:dyDescent="0.25">
      <c r="A17" s="4" t="s">
        <v>37</v>
      </c>
      <c r="B17" s="6" t="s">
        <v>1347</v>
      </c>
      <c r="C17" s="9">
        <v>3433523996.5700002</v>
      </c>
      <c r="D17" s="9">
        <v>3842538814.3899999</v>
      </c>
      <c r="E17" s="9">
        <v>-409014817.81999999</v>
      </c>
      <c r="F17" s="9">
        <v>-1421983188.71</v>
      </c>
    </row>
    <row r="18" spans="1:6" x14ac:dyDescent="0.25">
      <c r="A18" s="4" t="s">
        <v>40</v>
      </c>
      <c r="B18" s="6" t="s">
        <v>1348</v>
      </c>
      <c r="C18" s="9">
        <v>3487225016.1100001</v>
      </c>
      <c r="D18" s="9">
        <v>3934071466.3600001</v>
      </c>
      <c r="E18" s="9">
        <v>-446846450.25</v>
      </c>
      <c r="F18" s="9">
        <v>-1868829638.96</v>
      </c>
    </row>
    <row r="19" spans="1:6" x14ac:dyDescent="0.25">
      <c r="A19" s="4" t="s">
        <v>44</v>
      </c>
      <c r="B19" s="6" t="s">
        <v>1349</v>
      </c>
      <c r="C19" s="9">
        <v>3535958221.1900001</v>
      </c>
      <c r="D19" s="9">
        <v>4015985008.9000001</v>
      </c>
      <c r="E19" s="9">
        <v>-480026787.70999998</v>
      </c>
      <c r="F19" s="9">
        <v>-2348856426.6700001</v>
      </c>
    </row>
    <row r="20" spans="1:6" x14ac:dyDescent="0.25">
      <c r="A20" s="4" t="s">
        <v>46</v>
      </c>
      <c r="B20" s="6" t="s">
        <v>1350</v>
      </c>
      <c r="C20" s="9">
        <v>3584530520.1500001</v>
      </c>
      <c r="D20" s="9">
        <v>4098151770.5599999</v>
      </c>
      <c r="E20" s="9">
        <v>-513621250.41000003</v>
      </c>
      <c r="F20" s="9">
        <v>-2862477677.0799999</v>
      </c>
    </row>
    <row r="21" spans="1:6" x14ac:dyDescent="0.25">
      <c r="A21" s="4" t="s">
        <v>48</v>
      </c>
      <c r="B21" s="6" t="s">
        <v>1351</v>
      </c>
      <c r="C21" s="9">
        <v>3622826727.7199998</v>
      </c>
      <c r="D21" s="9">
        <v>4160321618.8899999</v>
      </c>
      <c r="E21" s="9">
        <v>-537494891.16999996</v>
      </c>
      <c r="F21" s="9">
        <v>-3399972568.2399998</v>
      </c>
    </row>
    <row r="22" spans="1:6" x14ac:dyDescent="0.25">
      <c r="A22" s="4" t="s">
        <v>50</v>
      </c>
      <c r="B22" s="6" t="s">
        <v>1352</v>
      </c>
      <c r="C22" s="9">
        <v>3664127350.3699999</v>
      </c>
      <c r="D22" s="9">
        <v>4229634092.02</v>
      </c>
      <c r="E22" s="9">
        <v>-565506741.64999998</v>
      </c>
      <c r="F22" s="9">
        <v>-3965479309.9000001</v>
      </c>
    </row>
    <row r="23" spans="1:6" x14ac:dyDescent="0.25">
      <c r="A23" s="4" t="s">
        <v>52</v>
      </c>
      <c r="B23" s="6" t="s">
        <v>1353</v>
      </c>
      <c r="C23" s="9">
        <v>3698840099.7600002</v>
      </c>
      <c r="D23" s="9">
        <v>4286200661.1999998</v>
      </c>
      <c r="E23" s="9">
        <v>-587360561.45000005</v>
      </c>
      <c r="F23" s="9">
        <v>-4552839871.3400002</v>
      </c>
    </row>
    <row r="24" spans="1:6" x14ac:dyDescent="0.25">
      <c r="A24" s="4" t="s">
        <v>56</v>
      </c>
      <c r="B24" s="6" t="s">
        <v>1354</v>
      </c>
      <c r="C24" s="9">
        <v>3730973591.5799999</v>
      </c>
      <c r="D24" s="9">
        <v>4337853467.6899996</v>
      </c>
      <c r="E24" s="9">
        <v>-606879876.11000001</v>
      </c>
      <c r="F24" s="9">
        <v>-5159719747.4499998</v>
      </c>
    </row>
    <row r="25" spans="1:6" x14ac:dyDescent="0.25">
      <c r="A25" s="4" t="s">
        <v>60</v>
      </c>
      <c r="B25" s="6" t="s">
        <v>1355</v>
      </c>
      <c r="C25" s="9">
        <v>3760263485.3000002</v>
      </c>
      <c r="D25" s="9">
        <v>4385137040.8100004</v>
      </c>
      <c r="E25" s="9">
        <v>-624873555.50999999</v>
      </c>
      <c r="F25" s="9">
        <v>-5784593302.96</v>
      </c>
    </row>
    <row r="26" spans="1:6" x14ac:dyDescent="0.25">
      <c r="A26" s="4" t="s">
        <v>64</v>
      </c>
      <c r="B26" s="6" t="s">
        <v>1356</v>
      </c>
      <c r="C26" s="9">
        <v>3792558561.8699999</v>
      </c>
      <c r="D26" s="9">
        <v>4438241234.2700005</v>
      </c>
      <c r="E26" s="9">
        <v>-645682672.39999998</v>
      </c>
      <c r="F26" s="9">
        <v>-6430275975.3599997</v>
      </c>
    </row>
    <row r="27" spans="1:6" x14ac:dyDescent="0.25">
      <c r="A27" s="4" t="s">
        <v>66</v>
      </c>
      <c r="B27" s="6" t="s">
        <v>1357</v>
      </c>
      <c r="C27" s="9">
        <v>3821605319.46</v>
      </c>
      <c r="D27" s="9">
        <v>4486186683.6099997</v>
      </c>
      <c r="E27" s="9">
        <v>-664581364.14999998</v>
      </c>
      <c r="F27" s="9">
        <v>-7094857339.5100002</v>
      </c>
    </row>
    <row r="28" spans="1:6" x14ac:dyDescent="0.25">
      <c r="A28" s="4" t="s">
        <v>70</v>
      </c>
      <c r="B28" s="6" t="s">
        <v>1358</v>
      </c>
      <c r="C28" s="9">
        <v>3850894012.3200002</v>
      </c>
      <c r="D28" s="9">
        <v>4537573362.1300001</v>
      </c>
      <c r="E28" s="9">
        <v>-686679349.79999995</v>
      </c>
      <c r="F28" s="9">
        <v>-7781536689.3199997</v>
      </c>
    </row>
    <row r="29" spans="1:6" x14ac:dyDescent="0.25">
      <c r="A29" s="4" t="s">
        <v>72</v>
      </c>
      <c r="B29" s="6" t="s">
        <v>1359</v>
      </c>
      <c r="C29" s="9">
        <v>3885425702.1599998</v>
      </c>
      <c r="D29" s="9">
        <v>4596031610.5699997</v>
      </c>
      <c r="E29" s="9">
        <v>-710605908.40999997</v>
      </c>
      <c r="F29" s="9">
        <v>-8492142597.7299995</v>
      </c>
    </row>
    <row r="30" spans="1:6" x14ac:dyDescent="0.25">
      <c r="A30" s="4" t="s">
        <v>76</v>
      </c>
      <c r="B30" s="6" t="s">
        <v>1360</v>
      </c>
      <c r="C30" s="9">
        <v>3918423572.3699999</v>
      </c>
      <c r="D30" s="9">
        <v>4654899984.0600004</v>
      </c>
      <c r="E30" s="9">
        <v>-736476411.69000006</v>
      </c>
      <c r="F30" s="9">
        <v>-9228619009.4200001</v>
      </c>
    </row>
    <row r="31" spans="1:6" x14ac:dyDescent="0.25">
      <c r="A31" s="4" t="s">
        <v>78</v>
      </c>
      <c r="B31" s="6" t="s">
        <v>1361</v>
      </c>
      <c r="C31" s="9">
        <v>3939004043.54</v>
      </c>
      <c r="D31" s="9">
        <v>4692176591.46</v>
      </c>
      <c r="E31" s="9">
        <v>-753172547.90999997</v>
      </c>
      <c r="F31" s="9">
        <v>-9981791557.3299999</v>
      </c>
    </row>
    <row r="32" spans="1:6" x14ac:dyDescent="0.25">
      <c r="A32" s="4" t="s">
        <v>80</v>
      </c>
      <c r="B32" s="6" t="s">
        <v>1362</v>
      </c>
      <c r="C32" s="9">
        <v>3960590420.5999999</v>
      </c>
      <c r="D32" s="9">
        <v>4730070980.8400002</v>
      </c>
      <c r="E32" s="9">
        <v>-769480560.24000001</v>
      </c>
      <c r="F32" s="9">
        <v>-10751272117.57</v>
      </c>
    </row>
    <row r="33" spans="1:6" x14ac:dyDescent="0.25">
      <c r="A33" s="4" t="s">
        <v>82</v>
      </c>
      <c r="B33" s="6" t="s">
        <v>1363</v>
      </c>
      <c r="C33" s="9">
        <v>3984972442.9000001</v>
      </c>
      <c r="D33" s="9">
        <v>4774076589.2200003</v>
      </c>
      <c r="E33" s="9">
        <v>-789104146.32000005</v>
      </c>
      <c r="F33" s="9">
        <v>-11540376263.889999</v>
      </c>
    </row>
    <row r="34" spans="1:6" x14ac:dyDescent="0.25">
      <c r="A34" s="4" t="s">
        <v>86</v>
      </c>
      <c r="B34" s="6" t="s">
        <v>1364</v>
      </c>
      <c r="C34" s="9">
        <v>4000678470.8400002</v>
      </c>
      <c r="D34" s="9">
        <v>4805109826.46</v>
      </c>
      <c r="E34" s="9">
        <v>-804431355.62</v>
      </c>
      <c r="F34" s="9">
        <v>-12344807619.51</v>
      </c>
    </row>
    <row r="35" spans="1:6" x14ac:dyDescent="0.25">
      <c r="A35" s="4" t="s">
        <v>90</v>
      </c>
      <c r="B35" s="6" t="s">
        <v>1365</v>
      </c>
      <c r="C35" s="9">
        <v>4011444846.0799999</v>
      </c>
      <c r="D35" s="9">
        <v>4828362149.6099997</v>
      </c>
      <c r="E35" s="9">
        <v>-816917303.52999997</v>
      </c>
      <c r="F35" s="9">
        <v>-13161724923.040001</v>
      </c>
    </row>
    <row r="36" spans="1:6" x14ac:dyDescent="0.25">
      <c r="A36" s="4" t="s">
        <v>94</v>
      </c>
      <c r="B36" s="6" t="s">
        <v>1366</v>
      </c>
      <c r="C36" s="9">
        <v>4016242872.02</v>
      </c>
      <c r="D36" s="9">
        <v>4837896106.1700001</v>
      </c>
      <c r="E36" s="9">
        <v>-821653234.14999998</v>
      </c>
      <c r="F36" s="9">
        <v>-13983378157.190001</v>
      </c>
    </row>
    <row r="37" spans="1:6" x14ac:dyDescent="0.25">
      <c r="A37" s="4" t="s">
        <v>98</v>
      </c>
      <c r="B37" s="6" t="s">
        <v>1367</v>
      </c>
      <c r="C37" s="9">
        <v>4003422568.4099998</v>
      </c>
      <c r="D37" s="9">
        <v>4814004137.0799999</v>
      </c>
      <c r="E37" s="9">
        <v>-810581568.66999996</v>
      </c>
      <c r="F37" s="9">
        <v>-14793959725.860001</v>
      </c>
    </row>
    <row r="38" spans="1:6" x14ac:dyDescent="0.25">
      <c r="A38" s="4" t="s">
        <v>100</v>
      </c>
      <c r="B38" s="6" t="s">
        <v>1368</v>
      </c>
      <c r="C38" s="9">
        <v>3996036086.9899998</v>
      </c>
      <c r="D38" s="9">
        <v>4799303287.6800003</v>
      </c>
      <c r="E38" s="9">
        <v>-803267200.69000006</v>
      </c>
      <c r="F38" s="9">
        <v>-15597226926.549999</v>
      </c>
    </row>
    <row r="39" spans="1:6" x14ac:dyDescent="0.25">
      <c r="A39" s="4" t="s">
        <v>104</v>
      </c>
      <c r="B39" s="6" t="s">
        <v>1369</v>
      </c>
      <c r="C39" s="9">
        <v>3988753696.7600002</v>
      </c>
      <c r="D39" s="9">
        <v>4787352561.7600002</v>
      </c>
      <c r="E39" s="9">
        <v>-798598865</v>
      </c>
      <c r="F39" s="9">
        <v>-16395825791.549999</v>
      </c>
    </row>
    <row r="40" spans="1:6" x14ac:dyDescent="0.25">
      <c r="A40" s="4" t="s">
        <v>108</v>
      </c>
      <c r="B40" s="6" t="s">
        <v>1370</v>
      </c>
      <c r="C40" s="9">
        <v>3974969101.9400001</v>
      </c>
      <c r="D40" s="9">
        <v>4764206377.1599998</v>
      </c>
      <c r="E40" s="9">
        <v>-789237275.22000003</v>
      </c>
      <c r="F40" s="9">
        <v>-17185063066.77</v>
      </c>
    </row>
    <row r="41" spans="1:6" x14ac:dyDescent="0.25">
      <c r="A41" s="4" t="s">
        <v>112</v>
      </c>
      <c r="B41" s="6" t="s">
        <v>1371</v>
      </c>
      <c r="C41" s="9">
        <v>3950090367.77</v>
      </c>
      <c r="D41" s="9">
        <v>4721487579.3100004</v>
      </c>
      <c r="E41" s="9">
        <v>-771397211.53999996</v>
      </c>
      <c r="F41" s="9">
        <v>-17956460278.310001</v>
      </c>
    </row>
    <row r="42" spans="1:6" x14ac:dyDescent="0.25">
      <c r="A42" s="4" t="s">
        <v>114</v>
      </c>
      <c r="B42" s="6" t="s">
        <v>1372</v>
      </c>
      <c r="C42" s="9">
        <v>3927606066.8200002</v>
      </c>
      <c r="D42" s="9">
        <v>4680714581.7600002</v>
      </c>
      <c r="E42" s="9">
        <v>-753108514.94000006</v>
      </c>
      <c r="F42" s="9">
        <v>-18709568793.25</v>
      </c>
    </row>
    <row r="43" spans="1:6" x14ac:dyDescent="0.25">
      <c r="A43" s="4" t="s">
        <v>118</v>
      </c>
      <c r="B43" s="6" t="s">
        <v>1373</v>
      </c>
      <c r="C43" s="9">
        <v>3899547675.5799999</v>
      </c>
      <c r="D43" s="9">
        <v>4631443466.2299995</v>
      </c>
      <c r="E43" s="9">
        <v>-731895790.65999997</v>
      </c>
      <c r="F43" s="9">
        <v>-19441464583.91</v>
      </c>
    </row>
    <row r="44" spans="1:6" x14ac:dyDescent="0.25">
      <c r="A44" s="4" t="s">
        <v>122</v>
      </c>
      <c r="B44" s="6" t="s">
        <v>1374</v>
      </c>
      <c r="C44" s="9">
        <v>3867297576.6500001</v>
      </c>
      <c r="D44" s="9">
        <v>4574060741.7299995</v>
      </c>
      <c r="E44" s="9">
        <v>-706763165.07000005</v>
      </c>
      <c r="F44" s="9">
        <v>-20148227748.98</v>
      </c>
    </row>
    <row r="45" spans="1:6" x14ac:dyDescent="0.25">
      <c r="A45" s="4" t="s">
        <v>126</v>
      </c>
      <c r="B45" s="6" t="s">
        <v>1375</v>
      </c>
      <c r="C45" s="9">
        <v>3830462871.5</v>
      </c>
      <c r="D45" s="9">
        <v>4508900071.7799997</v>
      </c>
      <c r="E45" s="9">
        <v>-678437200.27999997</v>
      </c>
      <c r="F45" s="9">
        <v>-20826664949.259998</v>
      </c>
    </row>
    <row r="46" spans="1:6" x14ac:dyDescent="0.25">
      <c r="A46" s="4" t="s">
        <v>129</v>
      </c>
      <c r="B46" s="6" t="s">
        <v>1376</v>
      </c>
      <c r="C46" s="9">
        <v>3797327199.5500002</v>
      </c>
      <c r="D46" s="9">
        <v>4450867708.3299999</v>
      </c>
      <c r="E46" s="9">
        <v>-653540508.77999997</v>
      </c>
      <c r="F46" s="9">
        <v>-21480205458.040001</v>
      </c>
    </row>
    <row r="47" spans="1:6" x14ac:dyDescent="0.25">
      <c r="A47" s="4" t="s">
        <v>131</v>
      </c>
      <c r="B47" s="6" t="s">
        <v>1377</v>
      </c>
      <c r="C47" s="9">
        <v>3762428514.9200001</v>
      </c>
      <c r="D47" s="9">
        <v>4390265468.0699997</v>
      </c>
      <c r="E47" s="9">
        <v>-627836953.15999997</v>
      </c>
      <c r="F47" s="9">
        <v>-22108042411.189999</v>
      </c>
    </row>
    <row r="48" spans="1:6" x14ac:dyDescent="0.25">
      <c r="A48" s="4" t="s">
        <v>133</v>
      </c>
      <c r="B48" s="6" t="s">
        <v>1378</v>
      </c>
      <c r="C48" s="9">
        <v>3722943555.04</v>
      </c>
      <c r="D48" s="9">
        <v>4323684844.0900002</v>
      </c>
      <c r="E48" s="9">
        <v>-600741289.04999995</v>
      </c>
      <c r="F48" s="9">
        <v>-22708783700.240002</v>
      </c>
    </row>
    <row r="49" spans="1:6" x14ac:dyDescent="0.25">
      <c r="A49" s="4" t="s">
        <v>137</v>
      </c>
      <c r="B49" s="6" t="s">
        <v>1379</v>
      </c>
      <c r="C49" s="9">
        <v>3677612162.8899999</v>
      </c>
      <c r="D49" s="9">
        <v>4246636840.96</v>
      </c>
      <c r="E49" s="9">
        <v>-569024678.05999994</v>
      </c>
      <c r="F49" s="9">
        <v>-23277808378.310001</v>
      </c>
    </row>
    <row r="50" spans="1:6" x14ac:dyDescent="0.25">
      <c r="A50" s="4" t="s">
        <v>141</v>
      </c>
      <c r="B50" s="6" t="s">
        <v>1380</v>
      </c>
      <c r="C50" s="9">
        <v>3638262482.0599999</v>
      </c>
      <c r="D50" s="9">
        <v>4180110241.3299999</v>
      </c>
      <c r="E50" s="9">
        <v>-541847759.26999998</v>
      </c>
      <c r="F50" s="9">
        <v>-23819656137.57</v>
      </c>
    </row>
    <row r="51" spans="1:6" x14ac:dyDescent="0.25">
      <c r="A51" s="4" t="s">
        <v>145</v>
      </c>
      <c r="B51" s="6" t="s">
        <v>1381</v>
      </c>
      <c r="C51" s="9">
        <v>3590737595.8400002</v>
      </c>
      <c r="D51" s="9">
        <v>4100438803.75</v>
      </c>
      <c r="E51" s="9">
        <v>-509701207.89999998</v>
      </c>
      <c r="F51" s="9">
        <v>-24329357345.48</v>
      </c>
    </row>
    <row r="52" spans="1:6" x14ac:dyDescent="0.25">
      <c r="A52" s="4" t="s">
        <v>147</v>
      </c>
      <c r="B52" s="6" t="s">
        <v>1382</v>
      </c>
      <c r="C52" s="9">
        <v>3547647952.4299998</v>
      </c>
      <c r="D52" s="9">
        <v>4028714497.52</v>
      </c>
      <c r="E52" s="9">
        <v>-481066545.07999998</v>
      </c>
      <c r="F52" s="9">
        <v>-24810423890.560001</v>
      </c>
    </row>
    <row r="53" spans="1:6" x14ac:dyDescent="0.25">
      <c r="A53" s="4" t="s">
        <v>151</v>
      </c>
      <c r="B53" s="6" t="s">
        <v>1383</v>
      </c>
      <c r="C53" s="9">
        <v>3502192587.2399998</v>
      </c>
      <c r="D53" s="9">
        <v>3953899517.0300002</v>
      </c>
      <c r="E53" s="9">
        <v>-451706929.79000002</v>
      </c>
      <c r="F53" s="9">
        <v>-25262130820.349998</v>
      </c>
    </row>
    <row r="54" spans="1:6" x14ac:dyDescent="0.25">
      <c r="A54" s="4" t="s">
        <v>155</v>
      </c>
      <c r="B54" s="6" t="s">
        <v>1384</v>
      </c>
      <c r="C54" s="9">
        <v>3457927486.73</v>
      </c>
      <c r="D54" s="9">
        <v>3883634397.2800002</v>
      </c>
      <c r="E54" s="9">
        <v>-425706910.55000001</v>
      </c>
      <c r="F54" s="9">
        <v>-25687837730.900002</v>
      </c>
    </row>
    <row r="55" spans="1:6" x14ac:dyDescent="0.25">
      <c r="A55" s="4" t="s">
        <v>158</v>
      </c>
      <c r="B55" s="6" t="s">
        <v>1385</v>
      </c>
      <c r="C55" s="9">
        <v>3409322012.1799998</v>
      </c>
      <c r="D55" s="9">
        <v>3805394675.6900001</v>
      </c>
      <c r="E55" s="9">
        <v>-396072663.50999999</v>
      </c>
      <c r="F55" s="9">
        <v>-26083910394.41</v>
      </c>
    </row>
    <row r="56" spans="1:6" x14ac:dyDescent="0.25">
      <c r="A56" s="4" t="s">
        <v>161</v>
      </c>
      <c r="B56" s="6" t="s">
        <v>1386</v>
      </c>
      <c r="C56" s="9">
        <v>3363072865.0599999</v>
      </c>
      <c r="D56" s="9">
        <v>3732293229.2800002</v>
      </c>
      <c r="E56" s="9">
        <v>-369220364.23000002</v>
      </c>
      <c r="F56" s="9">
        <v>-26453130758.639999</v>
      </c>
    </row>
    <row r="57" spans="1:6" x14ac:dyDescent="0.25">
      <c r="A57" s="4" t="s">
        <v>163</v>
      </c>
      <c r="B57" s="6" t="s">
        <v>1387</v>
      </c>
      <c r="C57" s="9">
        <v>3317807494.71</v>
      </c>
      <c r="D57" s="9">
        <v>3660547426.4400001</v>
      </c>
      <c r="E57" s="9">
        <v>-342739931.73000002</v>
      </c>
      <c r="F57" s="9">
        <v>-26795870690.380001</v>
      </c>
    </row>
    <row r="58" spans="1:6" x14ac:dyDescent="0.25">
      <c r="A58" s="4" t="s">
        <v>167</v>
      </c>
      <c r="B58" s="6" t="s">
        <v>1388</v>
      </c>
      <c r="C58" s="9">
        <v>3276857473.54</v>
      </c>
      <c r="D58" s="9">
        <v>3596897989.0999999</v>
      </c>
      <c r="E58" s="9">
        <v>-320040515.56999999</v>
      </c>
      <c r="F58" s="9">
        <v>-27115911205.939999</v>
      </c>
    </row>
    <row r="59" spans="1:6" x14ac:dyDescent="0.25">
      <c r="A59" s="4" t="s">
        <v>171</v>
      </c>
      <c r="B59" s="6" t="s">
        <v>1389</v>
      </c>
      <c r="C59" s="9">
        <v>3233185523.8000002</v>
      </c>
      <c r="D59" s="9">
        <v>3530877995.04</v>
      </c>
      <c r="E59" s="9">
        <v>-297692471.24000001</v>
      </c>
      <c r="F59" s="9">
        <v>-27413603677.189999</v>
      </c>
    </row>
    <row r="60" spans="1:6" x14ac:dyDescent="0.25">
      <c r="A60" s="4" t="s">
        <v>175</v>
      </c>
      <c r="B60" s="6" t="s">
        <v>1390</v>
      </c>
      <c r="C60" s="9">
        <v>3195899637.7600002</v>
      </c>
      <c r="D60" s="9">
        <v>3475276068.6799998</v>
      </c>
      <c r="E60" s="9">
        <v>-279376430.92000002</v>
      </c>
      <c r="F60" s="9">
        <v>-27692980108.110001</v>
      </c>
    </row>
    <row r="61" spans="1:6" x14ac:dyDescent="0.25">
      <c r="A61" s="4" t="s">
        <v>177</v>
      </c>
      <c r="B61" s="6" t="s">
        <v>1391</v>
      </c>
      <c r="C61" s="9">
        <v>3153101293.6199999</v>
      </c>
      <c r="D61" s="9">
        <v>3411443217.9699998</v>
      </c>
      <c r="E61" s="9">
        <v>-258341924.34999999</v>
      </c>
      <c r="F61" s="9">
        <v>-27951322032.459999</v>
      </c>
    </row>
    <row r="62" spans="1:6" x14ac:dyDescent="0.25">
      <c r="A62" s="4" t="s">
        <v>181</v>
      </c>
      <c r="B62" s="6" t="s">
        <v>1392</v>
      </c>
      <c r="C62" s="9">
        <v>3114442993.04</v>
      </c>
      <c r="D62" s="9">
        <v>3355464477.75</v>
      </c>
      <c r="E62" s="9">
        <v>-241021484.71000001</v>
      </c>
      <c r="F62" s="9">
        <v>-28192343517.169998</v>
      </c>
    </row>
    <row r="63" spans="1:6" x14ac:dyDescent="0.25">
      <c r="A63" s="4" t="s">
        <v>185</v>
      </c>
      <c r="B63" s="6" t="s">
        <v>1393</v>
      </c>
      <c r="C63" s="9">
        <v>3075392706.54</v>
      </c>
      <c r="D63" s="9">
        <v>3298750964.04</v>
      </c>
      <c r="E63" s="9">
        <v>-223358257.5</v>
      </c>
      <c r="F63" s="9">
        <v>-28415701774.669998</v>
      </c>
    </row>
    <row r="64" spans="1:6" x14ac:dyDescent="0.25">
      <c r="A64" s="4" t="s">
        <v>188</v>
      </c>
      <c r="B64" s="6" t="s">
        <v>1394</v>
      </c>
      <c r="C64" s="9">
        <v>3039252476.6900001</v>
      </c>
      <c r="D64" s="9">
        <v>3246987705.4899998</v>
      </c>
      <c r="E64" s="9">
        <v>-207735228.80000001</v>
      </c>
      <c r="F64" s="9">
        <v>-28623437003.470001</v>
      </c>
    </row>
    <row r="65" spans="1:6" x14ac:dyDescent="0.25">
      <c r="A65" s="4" t="s">
        <v>191</v>
      </c>
      <c r="B65" s="6" t="s">
        <v>1395</v>
      </c>
      <c r="C65" s="9">
        <v>3000267405.7399998</v>
      </c>
      <c r="D65" s="9">
        <v>3192418704.4299998</v>
      </c>
      <c r="E65" s="9">
        <v>-192151298.68000001</v>
      </c>
      <c r="F65" s="9">
        <v>-28815588302.150002</v>
      </c>
    </row>
    <row r="66" spans="1:6" x14ac:dyDescent="0.25">
      <c r="A66" s="4" t="s">
        <v>194</v>
      </c>
      <c r="B66" s="6" t="s">
        <v>1396</v>
      </c>
      <c r="C66" s="9">
        <v>2966495713.3800001</v>
      </c>
      <c r="D66" s="9">
        <v>3146663152.0999999</v>
      </c>
      <c r="E66" s="9">
        <v>-180167438.72</v>
      </c>
      <c r="F66" s="9">
        <v>-28995755740.869999</v>
      </c>
    </row>
    <row r="67" spans="1:6" x14ac:dyDescent="0.25">
      <c r="A67" s="4" t="s">
        <v>197</v>
      </c>
      <c r="B67" s="6" t="s">
        <v>1397</v>
      </c>
      <c r="C67" s="9">
        <v>2930626131.0799999</v>
      </c>
      <c r="D67" s="9">
        <v>3096153130.1500001</v>
      </c>
      <c r="E67" s="9">
        <v>-165526999.06999999</v>
      </c>
      <c r="F67" s="9">
        <v>-29161282739.939999</v>
      </c>
    </row>
    <row r="68" spans="1:6" x14ac:dyDescent="0.25">
      <c r="A68" s="4" t="s">
        <v>198</v>
      </c>
      <c r="B68" s="6" t="s">
        <v>1398</v>
      </c>
      <c r="C68" s="9">
        <v>2899290205.75</v>
      </c>
      <c r="D68" s="9">
        <v>3054340591.7399998</v>
      </c>
      <c r="E68" s="9">
        <v>-155050385.99000001</v>
      </c>
      <c r="F68" s="9">
        <v>-29316333125.93</v>
      </c>
    </row>
    <row r="69" spans="1:6" x14ac:dyDescent="0.25">
      <c r="A69" s="4" t="s">
        <v>199</v>
      </c>
      <c r="B69" s="6" t="s">
        <v>1399</v>
      </c>
      <c r="C69" s="9">
        <v>2868250133.5100002</v>
      </c>
      <c r="D69" s="9">
        <v>3012615265.1999998</v>
      </c>
      <c r="E69" s="9">
        <v>-144365131.69999999</v>
      </c>
      <c r="F69" s="9">
        <v>-29460698257.619999</v>
      </c>
    </row>
    <row r="70" spans="1:6" x14ac:dyDescent="0.25">
      <c r="A70" s="4" t="s">
        <v>200</v>
      </c>
      <c r="B70" s="6" t="s">
        <v>1400</v>
      </c>
      <c r="C70" s="9">
        <v>2837372781.71</v>
      </c>
      <c r="D70" s="9">
        <v>2970646632.5</v>
      </c>
      <c r="E70" s="9">
        <v>-133273850.79000001</v>
      </c>
      <c r="F70" s="9">
        <v>-29593972108.41</v>
      </c>
    </row>
    <row r="71" spans="1:6" x14ac:dyDescent="0.25">
      <c r="A71" s="4" t="s">
        <v>201</v>
      </c>
      <c r="B71" s="6" t="s">
        <v>1401</v>
      </c>
      <c r="C71" s="9">
        <v>2804490669.7399998</v>
      </c>
      <c r="D71" s="9">
        <v>2927332757.79</v>
      </c>
      <c r="E71" s="9">
        <v>-122842088.05</v>
      </c>
      <c r="F71" s="9">
        <v>-29716814196.459999</v>
      </c>
    </row>
    <row r="72" spans="1:6" x14ac:dyDescent="0.25">
      <c r="A72" s="4" t="s">
        <v>204</v>
      </c>
      <c r="B72" s="6" t="s">
        <v>1402</v>
      </c>
      <c r="C72" s="9">
        <v>2771728825.5799999</v>
      </c>
      <c r="D72" s="9">
        <v>2879287130.3000002</v>
      </c>
      <c r="E72" s="9">
        <v>-107558304.73</v>
      </c>
      <c r="F72" s="9">
        <v>-29824372501.18</v>
      </c>
    </row>
    <row r="73" spans="1:6" x14ac:dyDescent="0.25">
      <c r="A73" s="4" t="s">
        <v>206</v>
      </c>
      <c r="B73" s="6" t="s">
        <v>1403</v>
      </c>
      <c r="C73" s="9">
        <v>2740112237.3099999</v>
      </c>
      <c r="D73" s="9">
        <v>2834691637.96</v>
      </c>
      <c r="E73" s="9">
        <v>-94579400.650000006</v>
      </c>
      <c r="F73" s="9">
        <v>-29918951901.84</v>
      </c>
    </row>
    <row r="74" spans="1:6" x14ac:dyDescent="0.25">
      <c r="A74" s="4" t="s">
        <v>208</v>
      </c>
      <c r="B74" s="6" t="s">
        <v>1404</v>
      </c>
      <c r="C74" s="9">
        <v>2712189181.0799999</v>
      </c>
      <c r="D74" s="9">
        <v>2797185851.4699998</v>
      </c>
      <c r="E74" s="9">
        <v>-84996670.390000001</v>
      </c>
      <c r="F74" s="9">
        <v>-30003948572.23</v>
      </c>
    </row>
    <row r="75" spans="1:6" x14ac:dyDescent="0.25">
      <c r="A75" s="4" t="s">
        <v>210</v>
      </c>
      <c r="B75" s="6" t="s">
        <v>1405</v>
      </c>
      <c r="C75" s="9">
        <v>2683515740.8699999</v>
      </c>
      <c r="D75" s="9">
        <v>2756520876.96</v>
      </c>
      <c r="E75" s="9">
        <v>-73005136.090000004</v>
      </c>
      <c r="F75" s="9">
        <v>-30076953708.32</v>
      </c>
    </row>
    <row r="76" spans="1:6" x14ac:dyDescent="0.25">
      <c r="A76" s="4" t="s">
        <v>212</v>
      </c>
      <c r="B76" s="6" t="s">
        <v>1406</v>
      </c>
      <c r="C76" s="9">
        <v>2142748677.6400001</v>
      </c>
      <c r="D76" s="9">
        <v>2717739507.6300001</v>
      </c>
      <c r="E76" s="9">
        <v>-574990829.99000001</v>
      </c>
      <c r="F76" s="9">
        <v>-30651944538.299999</v>
      </c>
    </row>
    <row r="77" spans="1:6" x14ac:dyDescent="0.25">
      <c r="A77" s="4" t="s">
        <v>216</v>
      </c>
      <c r="B77" s="6" t="s">
        <v>1407</v>
      </c>
      <c r="C77" s="9">
        <v>2126137557.4400001</v>
      </c>
      <c r="D77" s="9">
        <v>2678508256.98</v>
      </c>
      <c r="E77" s="9">
        <v>-552370699.54999995</v>
      </c>
      <c r="F77" s="9">
        <v>-31204315237.849998</v>
      </c>
    </row>
    <row r="78" spans="1:6" x14ac:dyDescent="0.25">
      <c r="A78" s="4" t="s">
        <v>220</v>
      </c>
      <c r="B78" s="6" t="s">
        <v>1408</v>
      </c>
      <c r="C78" s="9">
        <v>2110994136.1400001</v>
      </c>
      <c r="D78" s="9">
        <v>2641108480.46</v>
      </c>
      <c r="E78" s="9">
        <v>-530114344.31999999</v>
      </c>
      <c r="F78" s="9">
        <v>-31734429582.169998</v>
      </c>
    </row>
    <row r="79" spans="1:6" x14ac:dyDescent="0.25">
      <c r="A79" s="4" t="s">
        <v>222</v>
      </c>
      <c r="B79" s="6" t="s">
        <v>1409</v>
      </c>
      <c r="C79" s="9">
        <v>2096058859.26</v>
      </c>
      <c r="D79" s="9">
        <v>2602762558.3899999</v>
      </c>
      <c r="E79" s="9">
        <v>-506703699.13</v>
      </c>
      <c r="F79" s="9">
        <v>-32241133281.299999</v>
      </c>
    </row>
    <row r="80" spans="1:6" x14ac:dyDescent="0.25">
      <c r="A80" s="4" t="s">
        <v>224</v>
      </c>
      <c r="B80" s="6" t="s">
        <v>1410</v>
      </c>
      <c r="C80" s="9">
        <v>2081160340.2</v>
      </c>
      <c r="D80" s="9">
        <v>2564942481.71</v>
      </c>
      <c r="E80" s="9">
        <v>-483782141.50999999</v>
      </c>
      <c r="F80" s="9">
        <v>-32724915422.810001</v>
      </c>
    </row>
    <row r="81" spans="1:6" x14ac:dyDescent="0.25">
      <c r="A81" s="4" t="s">
        <v>226</v>
      </c>
      <c r="B81" s="6" t="s">
        <v>1411</v>
      </c>
      <c r="C81" s="9">
        <v>2067452166.1500001</v>
      </c>
      <c r="D81" s="9">
        <v>2527592336.9499998</v>
      </c>
      <c r="E81" s="9">
        <v>-460140170.80000001</v>
      </c>
      <c r="F81" s="9">
        <v>-33185055593.610001</v>
      </c>
    </row>
    <row r="82" spans="1:6" x14ac:dyDescent="0.25">
      <c r="A82" s="4" t="s">
        <v>228</v>
      </c>
      <c r="B82" s="6" t="s">
        <v>1412</v>
      </c>
      <c r="C82" s="9">
        <v>2053292379.6500001</v>
      </c>
      <c r="D82" s="9">
        <v>2489993611.6900001</v>
      </c>
      <c r="E82" s="9">
        <v>-436701232.04000002</v>
      </c>
      <c r="F82" s="9">
        <v>-33621756825.650002</v>
      </c>
    </row>
    <row r="83" spans="1:6" x14ac:dyDescent="0.25">
      <c r="A83" s="4" t="s">
        <v>230</v>
      </c>
      <c r="B83" s="6" t="s">
        <v>1413</v>
      </c>
      <c r="C83" s="9">
        <v>2041039046.46</v>
      </c>
      <c r="D83" s="9">
        <v>2455131033.73</v>
      </c>
      <c r="E83" s="9">
        <v>-414091987.26999998</v>
      </c>
      <c r="F83" s="9">
        <v>-34035848812.919998</v>
      </c>
    </row>
    <row r="84" spans="1:6" x14ac:dyDescent="0.25">
      <c r="A84" s="4" t="s">
        <v>231</v>
      </c>
      <c r="B84" s="6" t="s">
        <v>1414</v>
      </c>
      <c r="C84" s="9">
        <v>2029417276.72</v>
      </c>
      <c r="D84" s="9">
        <v>2423168973.0700002</v>
      </c>
      <c r="E84" s="9">
        <v>-393751696.35000002</v>
      </c>
      <c r="F84" s="9">
        <v>-34429600509.269997</v>
      </c>
    </row>
    <row r="85" spans="1:6" x14ac:dyDescent="0.25">
      <c r="A85" s="4" t="s">
        <v>232</v>
      </c>
      <c r="B85" s="6" t="s">
        <v>1415</v>
      </c>
      <c r="C85" s="9">
        <v>2018175515.1199999</v>
      </c>
      <c r="D85" s="9">
        <v>2389731630.27</v>
      </c>
      <c r="E85" s="9">
        <v>-371556115.13999999</v>
      </c>
      <c r="F85" s="9">
        <v>-34801156624.419998</v>
      </c>
    </row>
    <row r="86" spans="1:6" x14ac:dyDescent="0.25">
      <c r="A86" s="4" t="s">
        <v>234</v>
      </c>
      <c r="B86" s="6" t="s">
        <v>1416</v>
      </c>
      <c r="C86" s="9">
        <v>2006173073.9200001</v>
      </c>
      <c r="D86" s="9">
        <v>2354846742.9699998</v>
      </c>
      <c r="E86" s="9">
        <v>-348673669.05000001</v>
      </c>
      <c r="F86" s="9">
        <v>-35149830293.470001</v>
      </c>
    </row>
    <row r="87" spans="1:6" x14ac:dyDescent="0.25">
      <c r="A87" s="4" t="s">
        <v>236</v>
      </c>
      <c r="B87" s="6" t="s">
        <v>1417</v>
      </c>
      <c r="C87" s="9">
        <v>1996722573.29</v>
      </c>
      <c r="D87" s="9">
        <v>2323673087.0300002</v>
      </c>
      <c r="E87" s="9">
        <v>-326950513.75</v>
      </c>
      <c r="F87" s="9">
        <v>-35476780807.220001</v>
      </c>
    </row>
  </sheetData>
  <mergeCells count="12">
    <mergeCell ref="A9:F9"/>
    <mergeCell ref="A10:A11"/>
    <mergeCell ref="B10:B11"/>
    <mergeCell ref="C10:C11"/>
    <mergeCell ref="D10:D11"/>
    <mergeCell ref="E10:E11"/>
    <mergeCell ref="F10:F11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09 - Operações de Crédi</vt:lpstr>
      <vt:lpstr>Anexo - 10 - Projeção Atuarial </vt:lpstr>
      <vt:lpstr>Anexo - 11 - Receitas de Alien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2-15T17:43:56Z</dcterms:created>
  <dcterms:modified xsi:type="dcterms:W3CDTF">2019-03-12T14:28:53Z</dcterms:modified>
</cp:coreProperties>
</file>